
<file path=[Content_Types].xml><?xml version="1.0" encoding="utf-8"?>
<Types xmlns="http://schemas.openxmlformats.org/package/2006/content-types">
  <Default Extension="png" ContentType="image/png"/>
  <Default Extension="jpeg" ContentType="image/jpeg"/>
  <Default Extension="mov" ContentType="video/quicktime"/>
  <Default Extension="rels" ContentType="application/vnd.openxmlformats-package.relationships+xml"/>
  <Default Extension="xml" ContentType="application/xml"/>
  <Default Extension="gif" ContentType="image/gi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ppt/tags/tag5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saveSubsetFonts="1">
  <p:sldMasterIdLst>
    <p:sldMasterId id="2147483662" r:id="rId1"/>
  </p:sldMasterIdLst>
  <p:notesMasterIdLst>
    <p:notesMasterId r:id="rId10"/>
  </p:notesMasterIdLst>
  <p:handoutMasterIdLst>
    <p:handoutMasterId r:id="rId11"/>
  </p:handoutMasterIdLst>
  <p:sldIdLst>
    <p:sldId id="256" r:id="rId2"/>
    <p:sldId id="552" r:id="rId3"/>
    <p:sldId id="328" r:id="rId4"/>
    <p:sldId id="364" r:id="rId5"/>
    <p:sldId id="324" r:id="rId6"/>
    <p:sldId id="309" r:id="rId7"/>
    <p:sldId id="299" r:id="rId8"/>
    <p:sldId id="257" r:id="rId9"/>
  </p:sldIdLst>
  <p:sldSz cx="9144000" cy="6858000" type="screen4x3"/>
  <p:notesSz cx="6858000" cy="9144000"/>
  <p:custDataLst>
    <p:tags r:id="rId12"/>
  </p:custDataLst>
  <p:defaultTextStyle>
    <a:defPPr>
      <a:defRPr lang="da-DK"/>
    </a:defPPr>
    <a:lvl1pPr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50000"/>
      </a:spcBef>
      <a:spcAft>
        <a:spcPct val="0"/>
      </a:spcAft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6pPr>
    <a:lvl7pPr marL="27432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7pPr>
    <a:lvl8pPr marL="32004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8pPr>
    <a:lvl9pPr marL="3657600" algn="l" defTabSz="914400" rtl="0" eaLnBrk="1" latinLnBrk="0" hangingPunct="1">
      <a:defRPr sz="16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012">
          <p15:clr>
            <a:srgbClr val="A4A3A4"/>
          </p15:clr>
        </p15:guide>
        <p15:guide id="2" orient="horz" pos="3884">
          <p15:clr>
            <a:srgbClr val="A4A3A4"/>
          </p15:clr>
        </p15:guide>
        <p15:guide id="3" pos="385">
          <p15:clr>
            <a:srgbClr val="A4A3A4"/>
          </p15:clr>
        </p15:guide>
        <p15:guide id="4" pos="2789">
          <p15:clr>
            <a:srgbClr val="A4A3A4"/>
          </p15:clr>
        </p15:guide>
        <p15:guide id="5" pos="2880">
          <p15:clr>
            <a:srgbClr val="A4A3A4"/>
          </p15:clr>
        </p15:guide>
        <p15:guide id="6" pos="528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 useTimings="0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CC00"/>
    <a:srgbClr val="FF6600"/>
    <a:srgbClr val="FF0000"/>
    <a:srgbClr val="990000"/>
    <a:srgbClr val="FF0099"/>
    <a:srgbClr val="CC3399"/>
    <a:srgbClr val="660066"/>
    <a:srgbClr val="660099"/>
    <a:srgbClr val="33CCFF"/>
    <a:srgbClr val="66CC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1473" autoAdjust="0"/>
    <p:restoredTop sz="94625" autoAdjust="0"/>
  </p:normalViewPr>
  <p:slideViewPr>
    <p:cSldViewPr showGuides="1">
      <p:cViewPr varScale="1">
        <p:scale>
          <a:sx n="118" d="100"/>
          <a:sy n="118" d="100"/>
        </p:scale>
        <p:origin x="200" y="392"/>
      </p:cViewPr>
      <p:guideLst>
        <p:guide orient="horz" pos="1012"/>
        <p:guide orient="horz" pos="3884"/>
        <p:guide pos="385"/>
        <p:guide pos="2789"/>
        <p:guide pos="2880"/>
        <p:guide pos="5281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 showGuides="1">
      <p:cViewPr varScale="1">
        <p:scale>
          <a:sx n="66" d="100"/>
          <a:sy n="66" d="100"/>
        </p:scale>
        <p:origin x="0" y="0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ags" Target="tags/tag1.xml"/><Relationship Id="rId2" Type="http://schemas.openxmlformats.org/officeDocument/2006/relationships/slide" Target="slides/slide1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handoutMaster" Target="handoutMasters/handoutMaster1.xml"/><Relationship Id="rId5" Type="http://schemas.openxmlformats.org/officeDocument/2006/relationships/slide" Target="slides/slide4.xml"/><Relationship Id="rId15" Type="http://schemas.openxmlformats.org/officeDocument/2006/relationships/theme" Target="theme/theme1.xml"/><Relationship Id="rId10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3490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1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84613" y="0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2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en-US"/>
          </a:p>
        </p:txBody>
      </p:sp>
      <p:sp>
        <p:nvSpPr>
          <p:cNvPr id="63493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84613" y="8685213"/>
            <a:ext cx="29718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491ECFBD-4A0D-4BCF-98A8-E205F44719BF}" type="slidenum">
              <a:rPr lang="en-US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280994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6200" y="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6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1143000" y="685800"/>
            <a:ext cx="4572000" cy="3429000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rgbClr val="808080"/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</p:sp>
      <p:sp>
        <p:nvSpPr>
          <p:cNvPr id="3077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914400" y="4343400"/>
            <a:ext cx="5029200" cy="41148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a-DK"/>
              <a:t>Click to edit Master text styles</a:t>
            </a:r>
          </a:p>
          <a:p>
            <a:pPr lvl="1"/>
            <a:r>
              <a:rPr lang="da-DK"/>
              <a:t>Second level</a:t>
            </a:r>
          </a:p>
          <a:p>
            <a:pPr lvl="2"/>
            <a:r>
              <a:rPr lang="da-DK"/>
              <a:t>Third level</a:t>
            </a:r>
          </a:p>
          <a:p>
            <a:pPr lvl="3"/>
            <a:r>
              <a:rPr lang="da-DK"/>
              <a:t>Fourth level</a:t>
            </a:r>
          </a:p>
          <a:p>
            <a:pPr lvl="4"/>
            <a:r>
              <a:rPr lang="da-DK"/>
              <a:t>Fifth level</a:t>
            </a:r>
          </a:p>
        </p:txBody>
      </p:sp>
      <p:sp>
        <p:nvSpPr>
          <p:cNvPr id="3078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spcBef>
                <a:spcPct val="0"/>
              </a:spcBef>
              <a:defRPr sz="1200"/>
            </a:lvl1pPr>
          </a:lstStyle>
          <a:p>
            <a:endParaRPr lang="da-DK"/>
          </a:p>
        </p:txBody>
      </p:sp>
      <p:sp>
        <p:nvSpPr>
          <p:cNvPr id="3079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6200" y="8686800"/>
            <a:ext cx="29718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spcBef>
                <a:spcPct val="0"/>
              </a:spcBef>
              <a:defRPr sz="1200"/>
            </a:lvl1pPr>
          </a:lstStyle>
          <a:p>
            <a:fld id="{C734BB09-483B-4C4B-A5A4-C02A22055B01}" type="slidenum">
              <a:rPr lang="da-DK"/>
              <a:pPr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7783607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1pPr>
    <a:lvl2pPr marL="4572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2pPr>
    <a:lvl3pPr marL="9144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3pPr>
    <a:lvl4pPr marL="13716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4pPr>
    <a:lvl5pPr marL="1828800" algn="l" rtl="0" fontAlgn="base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ＭＳ Ｐゴシック" pitchFamily="-80" charset="-128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8C17CC6-A615-DF4D-ABFF-BF22D6E0AF9B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8310345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484DA76-60ED-46D4-85FF-BC3C3413CFA8}" type="slidenum">
              <a:rPr lang="en-US" smtClean="0"/>
              <a:pPr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6515822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484DA76-60ED-46D4-85FF-BC3C3413CFA8}" type="slidenum">
              <a:rPr lang="en-US" smtClean="0"/>
              <a:pPr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6364459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1078FEE-D971-6E47-9D75-FF9A011A698D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2510474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jpeg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4572000" y="6477000"/>
            <a:ext cx="2970213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900">
                <a:solidFill>
                  <a:schemeClr val="tx1"/>
                </a:solidFill>
              </a:defRPr>
            </a:lvl1pPr>
          </a:lstStyle>
          <a:p>
            <a:endParaRPr lang="en-GB"/>
          </a:p>
        </p:txBody>
      </p:sp>
      <p:sp>
        <p:nvSpPr>
          <p:cNvPr id="11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09600" y="6477000"/>
            <a:ext cx="3060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90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2" name="Rectangle 1"/>
          <p:cNvSpPr/>
          <p:nvPr userDrawn="1"/>
        </p:nvSpPr>
        <p:spPr bwMode="auto"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114690" name="Rectangle 2"/>
          <p:cNvSpPr>
            <a:spLocks noGrp="1" noChangeArrowheads="1"/>
          </p:cNvSpPr>
          <p:nvPr>
            <p:ph type="ctrTitle"/>
          </p:nvPr>
        </p:nvSpPr>
        <p:spPr>
          <a:xfrm>
            <a:off x="609600" y="1295400"/>
            <a:ext cx="6402388" cy="838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/>
              <a:t>Click to edit Master title style</a:t>
            </a:r>
          </a:p>
        </p:txBody>
      </p:sp>
      <p:sp>
        <p:nvSpPr>
          <p:cNvPr id="114691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609600" y="2286000"/>
            <a:ext cx="6400800" cy="1752600"/>
          </a:xfrm>
        </p:spPr>
        <p:txBody>
          <a:bodyPr/>
          <a:lstStyle>
            <a:lvl1pPr marL="0" indent="0">
              <a:buFontTx/>
              <a:buNone/>
              <a:defRPr/>
            </a:lvl1pPr>
          </a:lstStyle>
          <a:p>
            <a:pPr lvl="0"/>
            <a:r>
              <a:rPr lang="en-GB" noProof="0"/>
              <a:t>Click to edit Master subtitle style</a:t>
            </a:r>
          </a:p>
        </p:txBody>
      </p:sp>
      <p:pic>
        <p:nvPicPr>
          <p:cNvPr id="1768868663" name="Logo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19200" y="6030000"/>
            <a:ext cx="5199728" cy="626400"/>
          </a:xfrm>
          <a:prstGeom prst="rect">
            <a:avLst/>
          </a:prstGeom>
        </p:spPr>
      </p:pic>
      <p:pic>
        <p:nvPicPr>
          <p:cNvPr id="1932254845" name="Frise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4100400" y="3124800"/>
            <a:ext cx="5040000" cy="2340000"/>
          </a:xfrm>
          <a:prstGeom prst="rect">
            <a:avLst/>
          </a:prstGeom>
        </p:spPr>
      </p:pic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123" y="279400"/>
            <a:ext cx="365125" cy="530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322721454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6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10 October 2018</a:t>
            </a:r>
          </a:p>
        </p:txBody>
      </p:sp>
      <p:sp>
        <p:nvSpPr>
          <p:cNvPr id="7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Trade-offs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8777405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09600" y="1600200"/>
            <a:ext cx="3810000" cy="456565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0" y="1600200"/>
            <a:ext cx="3810000" cy="456565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sp>
        <p:nvSpPr>
          <p:cNvPr id="7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0 October 2018</a:t>
            </a:r>
          </a:p>
        </p:txBody>
      </p:sp>
      <p:sp>
        <p:nvSpPr>
          <p:cNvPr id="8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Trade-offs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6309757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/>
              <a:t>Click to edit Master title style</a:t>
            </a:r>
          </a:p>
        </p:txBody>
      </p:sp>
      <p:sp>
        <p:nvSpPr>
          <p:cNvPr id="3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0 October 2018</a:t>
            </a:r>
          </a:p>
        </p:txBody>
      </p:sp>
      <p:sp>
        <p:nvSpPr>
          <p:cNvPr id="4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Trade-offs</a:t>
            </a:r>
          </a:p>
        </p:txBody>
      </p:sp>
      <p:sp>
        <p:nvSpPr>
          <p:cNvPr id="8" name="Pladsholder til diasnummer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84551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10 October 2018</a:t>
            </a:r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/>
              <a:t>Trade-offs</a:t>
            </a:r>
          </a:p>
        </p:txBody>
      </p:sp>
      <p:sp>
        <p:nvSpPr>
          <p:cNvPr id="7" name="Pladsholder til diasnumm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6926470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1.jpe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CustomB"/>
          <p:cNvSpPr>
            <a:spLocks noGrp="1"/>
          </p:cNvSpPr>
          <p:nvPr>
            <p:ph type="dt" sz="half" idx="2"/>
          </p:nvPr>
        </p:nvSpPr>
        <p:spPr>
          <a:xfrm>
            <a:off x="6948264" y="6476999"/>
            <a:ext cx="14364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5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10 October 2018</a:t>
            </a:r>
          </a:p>
        </p:txBody>
      </p:sp>
      <p:sp>
        <p:nvSpPr>
          <p:cNvPr id="3" name="FLD_Presentation Title"/>
          <p:cNvSpPr>
            <a:spLocks noGrp="1"/>
          </p:cNvSpPr>
          <p:nvPr>
            <p:ph type="ftr" sz="quarter" idx="3"/>
          </p:nvPr>
        </p:nvSpPr>
        <p:spPr>
          <a:xfrm>
            <a:off x="5219013" y="6477000"/>
            <a:ext cx="1729252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50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Trade-off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609600" y="6477000"/>
            <a:ext cx="306000" cy="306000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50">
                <a:solidFill>
                  <a:schemeClr val="tx1"/>
                </a:solidFill>
              </a:defRPr>
            </a:lvl1pPr>
          </a:lstStyle>
          <a:p>
            <a:fld id="{103EA872-A674-449B-A120-B97244F8E91D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3666" name="Rectangle 2"/>
          <p:cNvSpPr>
            <a:spLocks noGrp="1" noChangeArrowheads="1"/>
          </p:cNvSpPr>
          <p:nvPr>
            <p:ph type="title"/>
          </p:nvPr>
        </p:nvSpPr>
        <p:spPr bwMode="auto">
          <a:xfrm>
            <a:off x="609600" y="304800"/>
            <a:ext cx="7772400" cy="1143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Click to edit Master title style</a:t>
            </a:r>
          </a:p>
        </p:txBody>
      </p:sp>
      <p:sp>
        <p:nvSpPr>
          <p:cNvPr id="113667" name="Rectangle 3"/>
          <p:cNvSpPr>
            <a:spLocks noGrp="1" noChangeArrowheads="1"/>
          </p:cNvSpPr>
          <p:nvPr>
            <p:ph type="body" idx="1"/>
          </p:nvPr>
        </p:nvSpPr>
        <p:spPr bwMode="auto">
          <a:xfrm>
            <a:off x="609600" y="1600200"/>
            <a:ext cx="7772400" cy="45656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</p:txBody>
      </p:sp>
      <p:pic>
        <p:nvPicPr>
          <p:cNvPr id="12" name="Picture 2"/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6123" y="279400"/>
            <a:ext cx="365125" cy="5302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6" name="OFF_Workarea"/>
          <p:cNvSpPr>
            <a:spLocks noChangeArrowheads="1"/>
          </p:cNvSpPr>
          <p:nvPr userDrawn="1"/>
        </p:nvSpPr>
        <p:spPr bwMode="auto">
          <a:xfrm>
            <a:off x="989012" y="6477000"/>
            <a:ext cx="4231060" cy="30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lIns="0" tIns="0" rIns="0" bIns="0"/>
          <a:lstStyle/>
          <a:p>
            <a:pPr eaLnBrk="0" hangingPunct="0">
              <a:spcBef>
                <a:spcPct val="0"/>
              </a:spcBef>
            </a:pPr>
            <a:r>
              <a:rPr lang="en-GB" sz="850" b="1" dirty="0"/>
              <a:t>DTU Aqua, Technical University of Denmark</a:t>
            </a:r>
          </a:p>
        </p:txBody>
      </p:sp>
      <p:sp>
        <p:nvSpPr>
          <p:cNvPr id="10" name="TextBox 12"/>
          <p:cNvSpPr txBox="1"/>
          <p:nvPr userDrawn="1"/>
        </p:nvSpPr>
        <p:spPr>
          <a:xfrm>
            <a:off x="9379602" y="6244790"/>
            <a:ext cx="2393198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Bef>
                <a:spcPts val="0"/>
              </a:spcBef>
            </a:pPr>
            <a:r>
              <a:rPr lang="en-GB" sz="1100" noProof="1">
                <a:solidFill>
                  <a:schemeClr val="bg2"/>
                </a:solidFill>
              </a:rPr>
              <a:t>Add or change </a:t>
            </a:r>
            <a:br>
              <a:rPr lang="en-GB" sz="1100" noProof="1">
                <a:solidFill>
                  <a:schemeClr val="bg2"/>
                </a:solidFill>
              </a:rPr>
            </a:br>
            <a:r>
              <a:rPr lang="en-GB" sz="1100" noProof="1">
                <a:solidFill>
                  <a:schemeClr val="bg2"/>
                </a:solidFill>
              </a:rPr>
              <a:t>Presentation Title or Date</a:t>
            </a:r>
            <a:endParaRPr lang="en-GB"/>
          </a:p>
          <a:p>
            <a:pPr>
              <a:spcBef>
                <a:spcPts val="0"/>
              </a:spcBef>
            </a:pPr>
            <a:r>
              <a:rPr lang="en-GB" sz="1100" noProof="1">
                <a:solidFill>
                  <a:schemeClr val="bg2"/>
                </a:solidFill>
              </a:rPr>
              <a:t>via ”Insert”; ”Header &amp; Footer”</a:t>
            </a:r>
            <a:endParaRPr lang="en-GB"/>
          </a:p>
        </p:txBody>
      </p:sp>
      <p:cxnSp>
        <p:nvCxnSpPr>
          <p:cNvPr id="11" name="Straight Connector 13"/>
          <p:cNvCxnSpPr/>
          <p:nvPr userDrawn="1"/>
        </p:nvCxnSpPr>
        <p:spPr bwMode="auto">
          <a:xfrm>
            <a:off x="9204827" y="6597352"/>
            <a:ext cx="191975" cy="0"/>
          </a:xfrm>
          <a:prstGeom prst="line">
            <a:avLst/>
          </a:prstGeom>
          <a:solidFill>
            <a:schemeClr val="accent1"/>
          </a:solidFill>
          <a:ln w="19050" cap="flat" cmpd="sng" algn="ctr">
            <a:solidFill>
              <a:schemeClr val="bg2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</p:spTree>
    <p:extLst>
      <p:ext uri="{BB962C8B-B14F-4D97-AF65-F5344CB8AC3E}">
        <p14:creationId xmlns:p14="http://schemas.microsoft.com/office/powerpoint/2010/main" val="245470260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</p:sldLayoutIdLst>
  <p:hf hdr="0"/>
  <p:txStyles>
    <p:titleStyle>
      <a:lvl1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2pPr>
      <a:lvl3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3pPr>
      <a:lvl4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4pPr>
      <a:lvl5pPr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5pPr>
      <a:lvl6pPr marL="4572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6pPr>
      <a:lvl7pPr marL="9144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7pPr>
      <a:lvl8pPr marL="13716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8pPr>
      <a:lvl9pPr marL="1828800" algn="l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1"/>
          </a:solidFill>
          <a:latin typeface="Verdana" pitchFamily="34" charset="0"/>
          <a:ea typeface="ＭＳ Ｐゴシック" pitchFamily="-80" charset="-128"/>
        </a:defRPr>
      </a:lvl9pPr>
    </p:titleStyle>
    <p:bodyStyle>
      <a:lvl1pPr marL="188913" indent="-188913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+mn-ea"/>
          <a:cs typeface="+mn-cs"/>
        </a:defRPr>
      </a:lvl1pPr>
      <a:lvl2pPr marL="574675" indent="-195263" algn="l" rtl="0" eaLnBrk="1" fontAlgn="base" hangingPunct="1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+mn-ea"/>
        </a:defRPr>
      </a:lvl2pPr>
      <a:lvl3pPr marL="1279525" indent="-228600" algn="l" rtl="0" eaLnBrk="1" fontAlgn="base" hangingPunct="1">
        <a:spcBef>
          <a:spcPct val="20000"/>
        </a:spcBef>
        <a:spcAft>
          <a:spcPct val="0"/>
        </a:spcAft>
        <a:buChar char="•"/>
        <a:defRPr sz="1600">
          <a:solidFill>
            <a:schemeClr val="tx1"/>
          </a:solidFill>
          <a:latin typeface="+mn-lt"/>
          <a:ea typeface="+mn-ea"/>
        </a:defRPr>
      </a:lvl3pPr>
      <a:lvl4pPr marL="1698625" indent="-228600" algn="l" rtl="0" eaLnBrk="1" fontAlgn="base" hangingPunct="1">
        <a:spcBef>
          <a:spcPct val="20000"/>
        </a:spcBef>
        <a:spcAft>
          <a:spcPct val="0"/>
        </a:spcAft>
        <a:buChar char="–"/>
        <a:defRPr sz="1600">
          <a:solidFill>
            <a:schemeClr val="tx1"/>
          </a:solidFill>
          <a:latin typeface="+mn-lt"/>
          <a:ea typeface="+mn-ea"/>
        </a:defRPr>
      </a:lvl4pPr>
      <a:lvl5pPr marL="21177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5pPr>
      <a:lvl6pPr marL="25749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6pPr>
      <a:lvl7pPr marL="30321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7pPr>
      <a:lvl8pPr marL="34893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8pPr>
      <a:lvl9pPr marL="3946525" indent="-228600" algn="l" rtl="0" eaLnBrk="1" fontAlgn="base" hangingPunct="1">
        <a:spcBef>
          <a:spcPct val="20000"/>
        </a:spcBef>
        <a:spcAft>
          <a:spcPct val="0"/>
        </a:spcAft>
        <a:buChar char="»"/>
        <a:defRPr sz="1600">
          <a:solidFill>
            <a:schemeClr val="tx1"/>
          </a:solidFill>
          <a:latin typeface="+mn-lt"/>
          <a:ea typeface="+mn-ea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3.xml"/><Relationship Id="rId6" Type="http://schemas.openxmlformats.org/officeDocument/2006/relationships/image" Target="../media/image6.png"/><Relationship Id="rId5" Type="http://schemas.openxmlformats.org/officeDocument/2006/relationships/image" Target="../media/image5.jpg"/><Relationship Id="rId4" Type="http://schemas.openxmlformats.org/officeDocument/2006/relationships/image" Target="../media/image4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video" Target="../media/media1.mov"/><Relationship Id="rId1" Type="http://schemas.microsoft.com/office/2007/relationships/media" Target="../media/media1.mov"/><Relationship Id="rId5" Type="http://schemas.openxmlformats.org/officeDocument/2006/relationships/image" Target="../media/image8.gif"/><Relationship Id="rId4" Type="http://schemas.openxmlformats.org/officeDocument/2006/relationships/image" Target="../media/image7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8.gif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4.xml"/><Relationship Id="rId6" Type="http://schemas.openxmlformats.org/officeDocument/2006/relationships/image" Target="../media/image8.gif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6.xml"/><Relationship Id="rId5" Type="http://schemas.openxmlformats.org/officeDocument/2006/relationships/image" Target="../media/image8.gif"/><Relationship Id="rId4" Type="http://schemas.openxmlformats.org/officeDocument/2006/relationships/image" Target="../media/image10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Ecosystem management trade-offs and dynamic reference points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GB" dirty="0"/>
              <a:t>Ken H Andersen</a:t>
            </a:r>
          </a:p>
        </p:txBody>
      </p:sp>
    </p:spTree>
    <p:custDataLst>
      <p:tags r:id="rId1"/>
    </p:custData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0"/>
            <a:ext cx="8229600" cy="1143000"/>
          </a:xfrm>
        </p:spPr>
        <p:txBody>
          <a:bodyPr>
            <a:normAutofit/>
          </a:bodyPr>
          <a:lstStyle/>
          <a:p>
            <a:r>
              <a:rPr lang="en-US" b="1" dirty="0"/>
              <a:t>Modelling single stock demography</a:t>
            </a:r>
          </a:p>
        </p:txBody>
      </p:sp>
      <p:grpSp>
        <p:nvGrpSpPr>
          <p:cNvPr id="28" name="Group 27"/>
          <p:cNvGrpSpPr/>
          <p:nvPr/>
        </p:nvGrpSpPr>
        <p:grpSpPr>
          <a:xfrm>
            <a:off x="1240366" y="4127780"/>
            <a:ext cx="6541449" cy="1762246"/>
            <a:chOff x="1240366" y="2256897"/>
            <a:chExt cx="6541449" cy="1762246"/>
          </a:xfrm>
        </p:grpSpPr>
        <p:grpSp>
          <p:nvGrpSpPr>
            <p:cNvPr id="29" name="Group 28"/>
            <p:cNvGrpSpPr/>
            <p:nvPr/>
          </p:nvGrpSpPr>
          <p:grpSpPr>
            <a:xfrm>
              <a:off x="1240366" y="2256897"/>
              <a:ext cx="6541449" cy="1762246"/>
              <a:chOff x="731269" y="4248428"/>
              <a:chExt cx="6541449" cy="1762246"/>
            </a:xfrm>
          </p:grpSpPr>
          <p:cxnSp>
            <p:nvCxnSpPr>
              <p:cNvPr id="32" name="Elbow Connector 31"/>
              <p:cNvCxnSpPr/>
              <p:nvPr/>
            </p:nvCxnSpPr>
            <p:spPr>
              <a:xfrm rot="10800000" flipV="1">
                <a:off x="731269" y="4248428"/>
                <a:ext cx="6541449" cy="1762245"/>
              </a:xfrm>
              <a:prstGeom prst="bentConnector3">
                <a:avLst>
                  <a:gd name="adj1" fmla="val -113"/>
                </a:avLst>
              </a:prstGeom>
              <a:ln w="76200" cmpd="sng">
                <a:solidFill>
                  <a:schemeClr val="accent2"/>
                </a:solidFill>
                <a:headEnd type="none"/>
                <a:tailEnd type="none"/>
              </a:ln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3" name="Straight Arrow Connector 32"/>
              <p:cNvCxnSpPr/>
              <p:nvPr/>
            </p:nvCxnSpPr>
            <p:spPr>
              <a:xfrm flipV="1">
                <a:off x="738313" y="5331334"/>
                <a:ext cx="0" cy="679340"/>
              </a:xfrm>
              <a:prstGeom prst="straightConnector1">
                <a:avLst/>
              </a:prstGeom>
              <a:ln w="76200" cmpd="sng">
                <a:solidFill>
                  <a:schemeClr val="accent2"/>
                </a:solidFill>
                <a:tailEnd type="arrow"/>
              </a:ln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30" name="TextBox 29"/>
            <p:cNvSpPr txBox="1"/>
            <p:nvPr/>
          </p:nvSpPr>
          <p:spPr>
            <a:xfrm>
              <a:off x="3601128" y="3649022"/>
              <a:ext cx="1456104" cy="369332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dirty="0"/>
                <a:t>Reproduction</a:t>
              </a:r>
            </a:p>
          </p:txBody>
        </p:sp>
      </p:grpSp>
      <p:grpSp>
        <p:nvGrpSpPr>
          <p:cNvPr id="3" name="Group 2"/>
          <p:cNvGrpSpPr/>
          <p:nvPr/>
        </p:nvGrpSpPr>
        <p:grpSpPr>
          <a:xfrm>
            <a:off x="457200" y="1768234"/>
            <a:ext cx="8229600" cy="2961996"/>
            <a:chOff x="457200" y="1768234"/>
            <a:chExt cx="8229600" cy="2961996"/>
          </a:xfrm>
        </p:grpSpPr>
        <p:pic>
          <p:nvPicPr>
            <p:cNvPr id="16" name="Picture 15" descr="Fish larvae.png"/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flipH="1">
              <a:off x="2159564" y="3615716"/>
              <a:ext cx="765230" cy="185312"/>
            </a:xfrm>
            <a:prstGeom prst="rect">
              <a:avLst/>
            </a:prstGeom>
            <a:ln>
              <a:noFill/>
            </a:ln>
          </p:spPr>
        </p:pic>
        <p:pic>
          <p:nvPicPr>
            <p:cNvPr id="19" name="Picture 18" descr="Atlantic cod.jpg"/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977316" y="3103652"/>
              <a:ext cx="2590800" cy="1024128"/>
            </a:xfrm>
            <a:prstGeom prst="rect">
              <a:avLst/>
            </a:prstGeom>
            <a:ln>
              <a:noFill/>
            </a:ln>
          </p:spPr>
        </p:pic>
        <p:pic>
          <p:nvPicPr>
            <p:cNvPr id="20" name="Picture 19" descr="Atlantic cod.jpg"/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118342" y="3516810"/>
              <a:ext cx="965572" cy="381685"/>
            </a:xfrm>
            <a:prstGeom prst="rect">
              <a:avLst/>
            </a:prstGeom>
            <a:ln>
              <a:noFill/>
            </a:ln>
          </p:spPr>
        </p:pic>
        <p:pic>
          <p:nvPicPr>
            <p:cNvPr id="21" name="Picture 20" descr="Atlantic cod.jpg"/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341278" y="3332937"/>
              <a:ext cx="1430726" cy="565558"/>
            </a:xfrm>
            <a:prstGeom prst="rect">
              <a:avLst/>
            </a:prstGeom>
            <a:ln>
              <a:noFill/>
            </a:ln>
          </p:spPr>
        </p:pic>
        <p:cxnSp>
          <p:nvCxnSpPr>
            <p:cNvPr id="24" name="Straight Connector 23"/>
            <p:cNvCxnSpPr/>
            <p:nvPr/>
          </p:nvCxnSpPr>
          <p:spPr>
            <a:xfrm>
              <a:off x="1240365" y="4302848"/>
              <a:ext cx="0" cy="427304"/>
            </a:xfrm>
            <a:prstGeom prst="line">
              <a:avLst/>
            </a:prstGeom>
            <a:ln>
              <a:noFill/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Straight Connector 24"/>
            <p:cNvCxnSpPr/>
            <p:nvPr/>
          </p:nvCxnSpPr>
          <p:spPr>
            <a:xfrm>
              <a:off x="7801317" y="4302926"/>
              <a:ext cx="0" cy="427304"/>
            </a:xfrm>
            <a:prstGeom prst="line">
              <a:avLst/>
            </a:prstGeom>
            <a:ln>
              <a:noFill/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26" name="Right Arrow 25"/>
            <p:cNvSpPr/>
            <p:nvPr/>
          </p:nvSpPr>
          <p:spPr>
            <a:xfrm>
              <a:off x="1890080" y="1768234"/>
              <a:ext cx="2879419" cy="698931"/>
            </a:xfrm>
            <a:prstGeom prst="rightArrow">
              <a:avLst/>
            </a:prstGeom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dirty="0"/>
                <a:t>growth</a:t>
              </a:r>
            </a:p>
          </p:txBody>
        </p:sp>
        <p:cxnSp>
          <p:nvCxnSpPr>
            <p:cNvPr id="34" name="Straight Arrow Connector 33"/>
            <p:cNvCxnSpPr/>
            <p:nvPr/>
          </p:nvCxnSpPr>
          <p:spPr>
            <a:xfrm>
              <a:off x="457200" y="4516578"/>
              <a:ext cx="8229600" cy="14769"/>
            </a:xfrm>
            <a:prstGeom prst="straightConnector1">
              <a:avLst/>
            </a:prstGeom>
            <a:ln>
              <a:noFill/>
              <a:tailEnd type="arrow"/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36" name="Right Arrow 35"/>
            <p:cNvSpPr/>
            <p:nvPr/>
          </p:nvSpPr>
          <p:spPr>
            <a:xfrm rot="5400000">
              <a:off x="2767025" y="2545039"/>
              <a:ext cx="1014470" cy="698931"/>
            </a:xfrm>
            <a:prstGeom prst="rightArrow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7" name="TextBox 36"/>
            <p:cNvSpPr txBox="1"/>
            <p:nvPr/>
          </p:nvSpPr>
          <p:spPr>
            <a:xfrm>
              <a:off x="2706163" y="2571935"/>
              <a:ext cx="1046906" cy="369332"/>
            </a:xfrm>
            <a:prstGeom prst="rect">
              <a:avLst/>
            </a:prstGeom>
            <a:noFill/>
            <a:ln>
              <a:noFill/>
            </a:ln>
          </p:spPr>
          <p:txBody>
            <a:bodyPr wrap="none" rtlCol="0">
              <a:spAutoFit/>
            </a:bodyPr>
            <a:lstStyle/>
            <a:p>
              <a:r>
                <a:rPr lang="en-US" dirty="0"/>
                <a:t>mortality</a:t>
              </a:r>
            </a:p>
          </p:txBody>
        </p:sp>
        <p:pic>
          <p:nvPicPr>
            <p:cNvPr id="39" name="Picture 38"/>
            <p:cNvPicPr>
              <a:picLocks noChangeAspect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96708" y="3384954"/>
              <a:ext cx="964341" cy="875779"/>
            </a:xfrm>
            <a:prstGeom prst="rect">
              <a:avLst/>
            </a:prstGeom>
            <a:ln>
              <a:noFill/>
            </a:ln>
          </p:spPr>
        </p:pic>
      </p:grpSp>
    </p:spTree>
    <p:custDataLst>
      <p:tags r:id="rId1"/>
    </p:custDataLst>
    <p:extLst>
      <p:ext uri="{BB962C8B-B14F-4D97-AF65-F5344CB8AC3E}">
        <p14:creationId xmlns:p14="http://schemas.microsoft.com/office/powerpoint/2010/main" val="11605939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83703"/>
    </mc:Choice>
    <mc:Fallback xmlns="">
      <p:transition xmlns:p14="http://schemas.microsoft.com/office/powerpoint/2010/main" spd="slow" advTm="83703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Simulator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1846518" y="1292374"/>
            <a:ext cx="5450963" cy="5565626"/>
          </a:xfrm>
          <a:prstGeom prst="rect">
            <a:avLst/>
          </a:prstGeom>
        </p:spPr>
      </p:pic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652379" y="-696141"/>
            <a:ext cx="7886700" cy="1325563"/>
          </a:xfrm>
        </p:spPr>
        <p:txBody>
          <a:bodyPr/>
          <a:lstStyle/>
          <a:p>
            <a:r>
              <a:rPr lang="en-US" b="1" dirty="0"/>
              <a:t>Single stock simulator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2704127" y="786520"/>
            <a:ext cx="373574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http://</a:t>
            </a:r>
            <a:r>
              <a:rPr lang="en-US" dirty="0" err="1"/>
              <a:t>stockassessment.org</a:t>
            </a:r>
            <a:r>
              <a:rPr lang="en-US" dirty="0"/>
              <a:t>/spectrum</a:t>
            </a:r>
          </a:p>
        </p:txBody>
      </p:sp>
      <p:pic>
        <p:nvPicPr>
          <p:cNvPr id="12" name="Picture 11" descr="Cod2.gif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2026372" y="3835218"/>
            <a:ext cx="538086" cy="245055"/>
          </a:xfrm>
          <a:prstGeom prst="rect">
            <a:avLst/>
          </a:prstGeom>
          <a:effectLst/>
        </p:spPr>
      </p:pic>
      <p:sp>
        <p:nvSpPr>
          <p:cNvPr id="13" name="Rectangle 12"/>
          <p:cNvSpPr/>
          <p:nvPr/>
        </p:nvSpPr>
        <p:spPr>
          <a:xfrm>
            <a:off x="3262895" y="3835218"/>
            <a:ext cx="2665668" cy="16504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0" name="Picture 9" descr="Cod2.gif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4528209" y="3775036"/>
            <a:ext cx="1027203" cy="450451"/>
          </a:xfrm>
          <a:prstGeom prst="rect">
            <a:avLst/>
          </a:prstGeom>
          <a:effectLst/>
        </p:spPr>
      </p:pic>
      <p:pic>
        <p:nvPicPr>
          <p:cNvPr id="11" name="Picture 10" descr="Cod2.gif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3344943" y="3835218"/>
            <a:ext cx="726938" cy="331062"/>
          </a:xfrm>
          <a:prstGeom prst="rect">
            <a:avLst/>
          </a:prstGeom>
          <a:effectLst/>
        </p:spPr>
      </p:pic>
      <p:pic>
        <p:nvPicPr>
          <p:cNvPr id="9" name="Picture 8" descr="Cod2.gif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5796425" y="3600055"/>
            <a:ext cx="1825246" cy="800411"/>
          </a:xfrm>
          <a:prstGeom prst="rect">
            <a:avLst/>
          </a:prstGeom>
          <a:effectLst/>
        </p:spPr>
      </p:pic>
      <p:sp>
        <p:nvSpPr>
          <p:cNvPr id="2" name="TextBox 1"/>
          <p:cNvSpPr txBox="1"/>
          <p:nvPr/>
        </p:nvSpPr>
        <p:spPr>
          <a:xfrm rot="16200000">
            <a:off x="1367060" y="2251276"/>
            <a:ext cx="958917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dirty="0">
                <a:solidFill>
                  <a:schemeClr val="accent1"/>
                </a:solidFill>
              </a:rPr>
              <a:t>Biomass</a:t>
            </a:r>
          </a:p>
        </p:txBody>
      </p:sp>
      <p:sp>
        <p:nvSpPr>
          <p:cNvPr id="14" name="TextBox 13"/>
          <p:cNvSpPr txBox="1"/>
          <p:nvPr/>
        </p:nvSpPr>
        <p:spPr>
          <a:xfrm rot="5400000">
            <a:off x="6237992" y="2472305"/>
            <a:ext cx="1749646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dirty="0">
                <a:solidFill>
                  <a:srgbClr val="FF0000"/>
                </a:solidFill>
              </a:rPr>
              <a:t>Fishing mortality</a:t>
            </a:r>
          </a:p>
        </p:txBody>
      </p:sp>
      <p:sp>
        <p:nvSpPr>
          <p:cNvPr id="15" name="TextBox 14"/>
          <p:cNvSpPr txBox="1"/>
          <p:nvPr/>
        </p:nvSpPr>
        <p:spPr>
          <a:xfrm rot="16200000">
            <a:off x="1172872" y="5114831"/>
            <a:ext cx="1347292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dirty="0">
                <a:solidFill>
                  <a:schemeClr val="accent1"/>
                </a:solidFill>
              </a:rPr>
              <a:t>Recruitment</a:t>
            </a:r>
          </a:p>
        </p:txBody>
      </p:sp>
      <p:sp>
        <p:nvSpPr>
          <p:cNvPr id="16" name="TextBox 15"/>
          <p:cNvSpPr txBox="1"/>
          <p:nvPr/>
        </p:nvSpPr>
        <p:spPr>
          <a:xfrm rot="5400000">
            <a:off x="6738506" y="5227145"/>
            <a:ext cx="848053" cy="369332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US" dirty="0">
                <a:solidFill>
                  <a:srgbClr val="FF0000"/>
                </a:solidFill>
              </a:rPr>
              <a:t>    Yield</a:t>
            </a:r>
          </a:p>
        </p:txBody>
      </p:sp>
    </p:spTree>
    <p:extLst>
      <p:ext uri="{BB962C8B-B14F-4D97-AF65-F5344CB8AC3E}">
        <p14:creationId xmlns:p14="http://schemas.microsoft.com/office/powerpoint/2010/main" val="126468967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64283" fill="hold"/>
                                        <p:tgtEl>
                                          <p:spTgt spid="6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6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6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6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6"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C64A96-A785-7C4A-809A-EBE7AD15B29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39011" y="-120208"/>
            <a:ext cx="7772400" cy="1143000"/>
          </a:xfrm>
        </p:spPr>
        <p:txBody>
          <a:bodyPr/>
          <a:lstStyle/>
          <a:p>
            <a:r>
              <a:rPr lang="en-GB" dirty="0"/>
              <a:t>Reference point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529A7DC-D524-BC41-862A-57FF950290F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/>
              <a:t>10 October 2018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5C70AA5-BE9A-0B4D-A222-C9EB546D4D3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Trade-offs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BA580A8-81C3-3446-B569-BAFCE51FBE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03EA872-A674-449B-A120-B97244F8E91D}" type="slidenum">
              <a:rPr lang="en-GB" smtClean="0"/>
              <a:pPr/>
              <a:t>4</a:t>
            </a:fld>
            <a:endParaRPr lang="en-GB" dirty="0"/>
          </a:p>
        </p:txBody>
      </p:sp>
      <p:grpSp>
        <p:nvGrpSpPr>
          <p:cNvPr id="121" name="Group 120">
            <a:extLst>
              <a:ext uri="{FF2B5EF4-FFF2-40B4-BE49-F238E27FC236}">
                <a16:creationId xmlns:a16="http://schemas.microsoft.com/office/drawing/2014/main" id="{DEF86DEC-56BE-964C-AF9D-74FC73A6AF31}"/>
              </a:ext>
            </a:extLst>
          </p:cNvPr>
          <p:cNvGrpSpPr/>
          <p:nvPr/>
        </p:nvGrpSpPr>
        <p:grpSpPr>
          <a:xfrm>
            <a:off x="3917504" y="1428023"/>
            <a:ext cx="5718978" cy="4531598"/>
            <a:chOff x="3917504" y="1428023"/>
            <a:chExt cx="5718978" cy="4531598"/>
          </a:xfrm>
        </p:grpSpPr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61319CCF-2274-CB4B-A64D-675EEA54A2C3}"/>
                </a:ext>
              </a:extLst>
            </p:cNvPr>
            <p:cNvGrpSpPr/>
            <p:nvPr/>
          </p:nvGrpSpPr>
          <p:grpSpPr>
            <a:xfrm>
              <a:off x="3917504" y="2429600"/>
              <a:ext cx="4464496" cy="3240360"/>
              <a:chOff x="615379" y="2852936"/>
              <a:chExt cx="3188495" cy="2253854"/>
            </a:xfrm>
          </p:grpSpPr>
          <p:sp>
            <p:nvSpPr>
              <p:cNvPr id="9" name="Freeform 84">
                <a:extLst>
                  <a:ext uri="{FF2B5EF4-FFF2-40B4-BE49-F238E27FC236}">
                    <a16:creationId xmlns:a16="http://schemas.microsoft.com/office/drawing/2014/main" id="{666D8E16-9289-5C48-8533-A89E0E972D1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57051" y="4134049"/>
                <a:ext cx="114300" cy="103585"/>
              </a:xfrm>
              <a:custGeom>
                <a:avLst/>
                <a:gdLst>
                  <a:gd name="T0" fmla="*/ 0 w 96"/>
                  <a:gd name="T1" fmla="*/ 66 h 87"/>
                  <a:gd name="T2" fmla="*/ 0 w 96"/>
                  <a:gd name="T3" fmla="*/ 66 h 87"/>
                  <a:gd name="T4" fmla="*/ 0 w 96"/>
                  <a:gd name="T5" fmla="*/ 0 h 87"/>
                  <a:gd name="T6" fmla="*/ 12 w 96"/>
                  <a:gd name="T7" fmla="*/ 3 h 87"/>
                  <a:gd name="T8" fmla="*/ 12 w 96"/>
                  <a:gd name="T9" fmla="*/ 56 h 87"/>
                  <a:gd name="T10" fmla="*/ 41 w 96"/>
                  <a:gd name="T11" fmla="*/ 62 h 87"/>
                  <a:gd name="T12" fmla="*/ 41 w 96"/>
                  <a:gd name="T13" fmla="*/ 15 h 87"/>
                  <a:gd name="T14" fmla="*/ 52 w 96"/>
                  <a:gd name="T15" fmla="*/ 18 h 87"/>
                  <a:gd name="T16" fmla="*/ 52 w 96"/>
                  <a:gd name="T17" fmla="*/ 64 h 87"/>
                  <a:gd name="T18" fmla="*/ 96 w 96"/>
                  <a:gd name="T19" fmla="*/ 74 h 87"/>
                  <a:gd name="T20" fmla="*/ 96 w 96"/>
                  <a:gd name="T21" fmla="*/ 87 h 87"/>
                  <a:gd name="T22" fmla="*/ 0 w 96"/>
                  <a:gd name="T23" fmla="*/ 66 h 8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96" h="87">
                    <a:moveTo>
                      <a:pt x="0" y="66"/>
                    </a:moveTo>
                    <a:lnTo>
                      <a:pt x="0" y="66"/>
                    </a:lnTo>
                    <a:lnTo>
                      <a:pt x="0" y="0"/>
                    </a:lnTo>
                    <a:lnTo>
                      <a:pt x="12" y="3"/>
                    </a:lnTo>
                    <a:lnTo>
                      <a:pt x="12" y="56"/>
                    </a:lnTo>
                    <a:lnTo>
                      <a:pt x="41" y="62"/>
                    </a:lnTo>
                    <a:lnTo>
                      <a:pt x="41" y="15"/>
                    </a:lnTo>
                    <a:lnTo>
                      <a:pt x="52" y="18"/>
                    </a:lnTo>
                    <a:lnTo>
                      <a:pt x="52" y="64"/>
                    </a:lnTo>
                    <a:lnTo>
                      <a:pt x="96" y="74"/>
                    </a:lnTo>
                    <a:lnTo>
                      <a:pt x="96" y="87"/>
                    </a:lnTo>
                    <a:lnTo>
                      <a:pt x="0" y="66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0" name="Freeform 85">
                <a:extLst>
                  <a:ext uri="{FF2B5EF4-FFF2-40B4-BE49-F238E27FC236}">
                    <a16:creationId xmlns:a16="http://schemas.microsoft.com/office/drawing/2014/main" id="{70ADFD09-27D7-0D48-B849-D4A1574F12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40395" y="4051896"/>
                <a:ext cx="59531" cy="77391"/>
              </a:xfrm>
              <a:custGeom>
                <a:avLst/>
                <a:gdLst>
                  <a:gd name="T0" fmla="*/ 1 w 50"/>
                  <a:gd name="T1" fmla="*/ 65 h 65"/>
                  <a:gd name="T2" fmla="*/ 1 w 50"/>
                  <a:gd name="T3" fmla="*/ 65 h 65"/>
                  <a:gd name="T4" fmla="*/ 1 w 50"/>
                  <a:gd name="T5" fmla="*/ 57 h 65"/>
                  <a:gd name="T6" fmla="*/ 8 w 50"/>
                  <a:gd name="T7" fmla="*/ 57 h 65"/>
                  <a:gd name="T8" fmla="*/ 3 w 50"/>
                  <a:gd name="T9" fmla="*/ 52 h 65"/>
                  <a:gd name="T10" fmla="*/ 0 w 50"/>
                  <a:gd name="T11" fmla="*/ 42 h 65"/>
                  <a:gd name="T12" fmla="*/ 3 w 50"/>
                  <a:gd name="T13" fmla="*/ 33 h 65"/>
                  <a:gd name="T14" fmla="*/ 8 w 50"/>
                  <a:gd name="T15" fmla="*/ 29 h 65"/>
                  <a:gd name="T16" fmla="*/ 2 w 50"/>
                  <a:gd name="T17" fmla="*/ 23 h 65"/>
                  <a:gd name="T18" fmla="*/ 0 w 50"/>
                  <a:gd name="T19" fmla="*/ 15 h 65"/>
                  <a:gd name="T20" fmla="*/ 7 w 50"/>
                  <a:gd name="T21" fmla="*/ 1 h 65"/>
                  <a:gd name="T22" fmla="*/ 18 w 50"/>
                  <a:gd name="T23" fmla="*/ 0 h 65"/>
                  <a:gd name="T24" fmla="*/ 50 w 50"/>
                  <a:gd name="T25" fmla="*/ 0 h 65"/>
                  <a:gd name="T26" fmla="*/ 50 w 50"/>
                  <a:gd name="T27" fmla="*/ 8 h 65"/>
                  <a:gd name="T28" fmla="*/ 16 w 50"/>
                  <a:gd name="T29" fmla="*/ 8 h 65"/>
                  <a:gd name="T30" fmla="*/ 10 w 50"/>
                  <a:gd name="T31" fmla="*/ 10 h 65"/>
                  <a:gd name="T32" fmla="*/ 8 w 50"/>
                  <a:gd name="T33" fmla="*/ 16 h 65"/>
                  <a:gd name="T34" fmla="*/ 11 w 50"/>
                  <a:gd name="T35" fmla="*/ 25 h 65"/>
                  <a:gd name="T36" fmla="*/ 22 w 50"/>
                  <a:gd name="T37" fmla="*/ 28 h 65"/>
                  <a:gd name="T38" fmla="*/ 50 w 50"/>
                  <a:gd name="T39" fmla="*/ 28 h 65"/>
                  <a:gd name="T40" fmla="*/ 50 w 50"/>
                  <a:gd name="T41" fmla="*/ 36 h 65"/>
                  <a:gd name="T42" fmla="*/ 18 w 50"/>
                  <a:gd name="T43" fmla="*/ 36 h 65"/>
                  <a:gd name="T44" fmla="*/ 11 w 50"/>
                  <a:gd name="T45" fmla="*/ 38 h 65"/>
                  <a:gd name="T46" fmla="*/ 8 w 50"/>
                  <a:gd name="T47" fmla="*/ 45 h 65"/>
                  <a:gd name="T48" fmla="*/ 11 w 50"/>
                  <a:gd name="T49" fmla="*/ 53 h 65"/>
                  <a:gd name="T50" fmla="*/ 24 w 50"/>
                  <a:gd name="T51" fmla="*/ 57 h 65"/>
                  <a:gd name="T52" fmla="*/ 50 w 50"/>
                  <a:gd name="T53" fmla="*/ 57 h 65"/>
                  <a:gd name="T54" fmla="*/ 50 w 50"/>
                  <a:gd name="T55" fmla="*/ 65 h 65"/>
                  <a:gd name="T56" fmla="*/ 1 w 50"/>
                  <a:gd name="T57" fmla="*/ 65 h 6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</a:cxnLst>
                <a:rect l="0" t="0" r="r" b="b"/>
                <a:pathLst>
                  <a:path w="50" h="65">
                    <a:moveTo>
                      <a:pt x="1" y="65"/>
                    </a:moveTo>
                    <a:lnTo>
                      <a:pt x="1" y="65"/>
                    </a:lnTo>
                    <a:lnTo>
                      <a:pt x="1" y="57"/>
                    </a:lnTo>
                    <a:lnTo>
                      <a:pt x="8" y="57"/>
                    </a:lnTo>
                    <a:cubicBezTo>
                      <a:pt x="6" y="55"/>
                      <a:pt x="4" y="53"/>
                      <a:pt x="3" y="52"/>
                    </a:cubicBezTo>
                    <a:cubicBezTo>
                      <a:pt x="1" y="49"/>
                      <a:pt x="0" y="46"/>
                      <a:pt x="0" y="42"/>
                    </a:cubicBezTo>
                    <a:cubicBezTo>
                      <a:pt x="0" y="39"/>
                      <a:pt x="1" y="35"/>
                      <a:pt x="3" y="33"/>
                    </a:cubicBezTo>
                    <a:cubicBezTo>
                      <a:pt x="4" y="32"/>
                      <a:pt x="6" y="31"/>
                      <a:pt x="8" y="29"/>
                    </a:cubicBezTo>
                    <a:cubicBezTo>
                      <a:pt x="5" y="28"/>
                      <a:pt x="3" y="26"/>
                      <a:pt x="2" y="23"/>
                    </a:cubicBezTo>
                    <a:cubicBezTo>
                      <a:pt x="1" y="21"/>
                      <a:pt x="0" y="18"/>
                      <a:pt x="0" y="15"/>
                    </a:cubicBezTo>
                    <a:cubicBezTo>
                      <a:pt x="0" y="8"/>
                      <a:pt x="3" y="4"/>
                      <a:pt x="7" y="1"/>
                    </a:cubicBezTo>
                    <a:cubicBezTo>
                      <a:pt x="10" y="0"/>
                      <a:pt x="13" y="0"/>
                      <a:pt x="18" y="0"/>
                    </a:cubicBezTo>
                    <a:lnTo>
                      <a:pt x="50" y="0"/>
                    </a:lnTo>
                    <a:lnTo>
                      <a:pt x="50" y="8"/>
                    </a:lnTo>
                    <a:lnTo>
                      <a:pt x="16" y="8"/>
                    </a:lnTo>
                    <a:cubicBezTo>
                      <a:pt x="13" y="8"/>
                      <a:pt x="11" y="9"/>
                      <a:pt x="10" y="10"/>
                    </a:cubicBezTo>
                    <a:cubicBezTo>
                      <a:pt x="8" y="12"/>
                      <a:pt x="8" y="14"/>
                      <a:pt x="8" y="16"/>
                    </a:cubicBezTo>
                    <a:cubicBezTo>
                      <a:pt x="8" y="20"/>
                      <a:pt x="9" y="22"/>
                      <a:pt x="11" y="25"/>
                    </a:cubicBezTo>
                    <a:cubicBezTo>
                      <a:pt x="13" y="27"/>
                      <a:pt x="17" y="28"/>
                      <a:pt x="22" y="28"/>
                    </a:cubicBezTo>
                    <a:lnTo>
                      <a:pt x="50" y="28"/>
                    </a:lnTo>
                    <a:lnTo>
                      <a:pt x="50" y="36"/>
                    </a:lnTo>
                    <a:lnTo>
                      <a:pt x="18" y="36"/>
                    </a:lnTo>
                    <a:cubicBezTo>
                      <a:pt x="15" y="36"/>
                      <a:pt x="13" y="37"/>
                      <a:pt x="11" y="38"/>
                    </a:cubicBezTo>
                    <a:cubicBezTo>
                      <a:pt x="9" y="39"/>
                      <a:pt x="8" y="41"/>
                      <a:pt x="8" y="45"/>
                    </a:cubicBezTo>
                    <a:cubicBezTo>
                      <a:pt x="8" y="48"/>
                      <a:pt x="9" y="51"/>
                      <a:pt x="11" y="53"/>
                    </a:cubicBezTo>
                    <a:cubicBezTo>
                      <a:pt x="14" y="56"/>
                      <a:pt x="18" y="57"/>
                      <a:pt x="24" y="57"/>
                    </a:cubicBezTo>
                    <a:lnTo>
                      <a:pt x="50" y="57"/>
                    </a:lnTo>
                    <a:lnTo>
                      <a:pt x="50" y="65"/>
                    </a:lnTo>
                    <a:lnTo>
                      <a:pt x="1" y="65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1" name="Freeform 86">
                <a:extLst>
                  <a:ext uri="{FF2B5EF4-FFF2-40B4-BE49-F238E27FC236}">
                    <a16:creationId xmlns:a16="http://schemas.microsoft.com/office/drawing/2014/main" id="{E06BDCBC-A917-CC4D-ABBB-826AC3DFC250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740395" y="3992365"/>
                <a:ext cx="61913" cy="47625"/>
              </a:xfrm>
              <a:custGeom>
                <a:avLst/>
                <a:gdLst>
                  <a:gd name="T0" fmla="*/ 35 w 52"/>
                  <a:gd name="T1" fmla="*/ 32 h 40"/>
                  <a:gd name="T2" fmla="*/ 35 w 52"/>
                  <a:gd name="T3" fmla="*/ 32 h 40"/>
                  <a:gd name="T4" fmla="*/ 41 w 52"/>
                  <a:gd name="T5" fmla="*/ 30 h 40"/>
                  <a:gd name="T6" fmla="*/ 45 w 52"/>
                  <a:gd name="T7" fmla="*/ 20 h 40"/>
                  <a:gd name="T8" fmla="*/ 43 w 52"/>
                  <a:gd name="T9" fmla="*/ 12 h 40"/>
                  <a:gd name="T10" fmla="*/ 37 w 52"/>
                  <a:gd name="T11" fmla="*/ 8 h 40"/>
                  <a:gd name="T12" fmla="*/ 32 w 52"/>
                  <a:gd name="T13" fmla="*/ 11 h 40"/>
                  <a:gd name="T14" fmla="*/ 30 w 52"/>
                  <a:gd name="T15" fmla="*/ 18 h 40"/>
                  <a:gd name="T16" fmla="*/ 28 w 52"/>
                  <a:gd name="T17" fmla="*/ 24 h 40"/>
                  <a:gd name="T18" fmla="*/ 25 w 52"/>
                  <a:gd name="T19" fmla="*/ 34 h 40"/>
                  <a:gd name="T20" fmla="*/ 16 w 52"/>
                  <a:gd name="T21" fmla="*/ 39 h 40"/>
                  <a:gd name="T22" fmla="*/ 4 w 52"/>
                  <a:gd name="T23" fmla="*/ 34 h 40"/>
                  <a:gd name="T24" fmla="*/ 0 w 52"/>
                  <a:gd name="T25" fmla="*/ 21 h 40"/>
                  <a:gd name="T26" fmla="*/ 7 w 52"/>
                  <a:gd name="T27" fmla="*/ 5 h 40"/>
                  <a:gd name="T28" fmla="*/ 15 w 52"/>
                  <a:gd name="T29" fmla="*/ 2 h 40"/>
                  <a:gd name="T30" fmla="*/ 15 w 52"/>
                  <a:gd name="T31" fmla="*/ 9 h 40"/>
                  <a:gd name="T32" fmla="*/ 10 w 52"/>
                  <a:gd name="T33" fmla="*/ 11 h 40"/>
                  <a:gd name="T34" fmla="*/ 7 w 52"/>
                  <a:gd name="T35" fmla="*/ 21 h 40"/>
                  <a:gd name="T36" fmla="*/ 9 w 52"/>
                  <a:gd name="T37" fmla="*/ 28 h 40"/>
                  <a:gd name="T38" fmla="*/ 14 w 52"/>
                  <a:gd name="T39" fmla="*/ 31 h 40"/>
                  <a:gd name="T40" fmla="*/ 19 w 52"/>
                  <a:gd name="T41" fmla="*/ 27 h 40"/>
                  <a:gd name="T42" fmla="*/ 21 w 52"/>
                  <a:gd name="T43" fmla="*/ 22 h 40"/>
                  <a:gd name="T44" fmla="*/ 22 w 52"/>
                  <a:gd name="T45" fmla="*/ 17 h 40"/>
                  <a:gd name="T46" fmla="*/ 26 w 52"/>
                  <a:gd name="T47" fmla="*/ 5 h 40"/>
                  <a:gd name="T48" fmla="*/ 36 w 52"/>
                  <a:gd name="T49" fmla="*/ 0 h 40"/>
                  <a:gd name="T50" fmla="*/ 47 w 52"/>
                  <a:gd name="T51" fmla="*/ 5 h 40"/>
                  <a:gd name="T52" fmla="*/ 52 w 52"/>
                  <a:gd name="T53" fmla="*/ 20 h 40"/>
                  <a:gd name="T54" fmla="*/ 47 w 52"/>
                  <a:gd name="T55" fmla="*/ 35 h 40"/>
                  <a:gd name="T56" fmla="*/ 35 w 52"/>
                  <a:gd name="T57" fmla="*/ 40 h 40"/>
                  <a:gd name="T58" fmla="*/ 35 w 52"/>
                  <a:gd name="T59" fmla="*/ 32 h 40"/>
                  <a:gd name="T60" fmla="*/ 0 w 52"/>
                  <a:gd name="T61" fmla="*/ 20 h 40"/>
                  <a:gd name="T62" fmla="*/ 0 w 52"/>
                  <a:gd name="T63" fmla="*/ 20 h 40"/>
                  <a:gd name="T64" fmla="*/ 0 w 52"/>
                  <a:gd name="T65" fmla="*/ 20 h 4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</a:cxnLst>
                <a:rect l="0" t="0" r="r" b="b"/>
                <a:pathLst>
                  <a:path w="52" h="40">
                    <a:moveTo>
                      <a:pt x="35" y="32"/>
                    </a:moveTo>
                    <a:lnTo>
                      <a:pt x="35" y="32"/>
                    </a:lnTo>
                    <a:cubicBezTo>
                      <a:pt x="37" y="32"/>
                      <a:pt x="40" y="31"/>
                      <a:pt x="41" y="30"/>
                    </a:cubicBezTo>
                    <a:cubicBezTo>
                      <a:pt x="44" y="28"/>
                      <a:pt x="45" y="25"/>
                      <a:pt x="45" y="20"/>
                    </a:cubicBezTo>
                    <a:cubicBezTo>
                      <a:pt x="45" y="17"/>
                      <a:pt x="44" y="14"/>
                      <a:pt x="43" y="12"/>
                    </a:cubicBezTo>
                    <a:cubicBezTo>
                      <a:pt x="42" y="9"/>
                      <a:pt x="40" y="8"/>
                      <a:pt x="37" y="8"/>
                    </a:cubicBezTo>
                    <a:cubicBezTo>
                      <a:pt x="35" y="8"/>
                      <a:pt x="33" y="9"/>
                      <a:pt x="32" y="11"/>
                    </a:cubicBezTo>
                    <a:cubicBezTo>
                      <a:pt x="31" y="12"/>
                      <a:pt x="31" y="14"/>
                      <a:pt x="30" y="18"/>
                    </a:cubicBezTo>
                    <a:lnTo>
                      <a:pt x="28" y="24"/>
                    </a:lnTo>
                    <a:cubicBezTo>
                      <a:pt x="27" y="29"/>
                      <a:pt x="26" y="32"/>
                      <a:pt x="25" y="34"/>
                    </a:cubicBezTo>
                    <a:cubicBezTo>
                      <a:pt x="23" y="37"/>
                      <a:pt x="19" y="39"/>
                      <a:pt x="16" y="39"/>
                    </a:cubicBezTo>
                    <a:cubicBezTo>
                      <a:pt x="11" y="39"/>
                      <a:pt x="7" y="37"/>
                      <a:pt x="4" y="34"/>
                    </a:cubicBezTo>
                    <a:cubicBezTo>
                      <a:pt x="2" y="31"/>
                      <a:pt x="0" y="26"/>
                      <a:pt x="0" y="21"/>
                    </a:cubicBezTo>
                    <a:cubicBezTo>
                      <a:pt x="0" y="13"/>
                      <a:pt x="2" y="8"/>
                      <a:pt x="7" y="5"/>
                    </a:cubicBezTo>
                    <a:cubicBezTo>
                      <a:pt x="9" y="3"/>
                      <a:pt x="12" y="2"/>
                      <a:pt x="15" y="2"/>
                    </a:cubicBezTo>
                    <a:lnTo>
                      <a:pt x="15" y="9"/>
                    </a:lnTo>
                    <a:cubicBezTo>
                      <a:pt x="14" y="10"/>
                      <a:pt x="12" y="10"/>
                      <a:pt x="10" y="11"/>
                    </a:cubicBezTo>
                    <a:cubicBezTo>
                      <a:pt x="8" y="13"/>
                      <a:pt x="7" y="17"/>
                      <a:pt x="7" y="21"/>
                    </a:cubicBezTo>
                    <a:cubicBezTo>
                      <a:pt x="7" y="24"/>
                      <a:pt x="8" y="27"/>
                      <a:pt x="9" y="28"/>
                    </a:cubicBezTo>
                    <a:cubicBezTo>
                      <a:pt x="10" y="30"/>
                      <a:pt x="12" y="31"/>
                      <a:pt x="14" y="31"/>
                    </a:cubicBezTo>
                    <a:cubicBezTo>
                      <a:pt x="16" y="31"/>
                      <a:pt x="17" y="30"/>
                      <a:pt x="19" y="27"/>
                    </a:cubicBezTo>
                    <a:cubicBezTo>
                      <a:pt x="19" y="26"/>
                      <a:pt x="20" y="24"/>
                      <a:pt x="21" y="22"/>
                    </a:cubicBezTo>
                    <a:lnTo>
                      <a:pt x="22" y="17"/>
                    </a:lnTo>
                    <a:cubicBezTo>
                      <a:pt x="23" y="11"/>
                      <a:pt x="25" y="7"/>
                      <a:pt x="26" y="5"/>
                    </a:cubicBezTo>
                    <a:cubicBezTo>
                      <a:pt x="28" y="2"/>
                      <a:pt x="31" y="0"/>
                      <a:pt x="36" y="0"/>
                    </a:cubicBezTo>
                    <a:cubicBezTo>
                      <a:pt x="40" y="0"/>
                      <a:pt x="44" y="2"/>
                      <a:pt x="47" y="5"/>
                    </a:cubicBezTo>
                    <a:cubicBezTo>
                      <a:pt x="50" y="8"/>
                      <a:pt x="52" y="13"/>
                      <a:pt x="52" y="20"/>
                    </a:cubicBezTo>
                    <a:cubicBezTo>
                      <a:pt x="52" y="27"/>
                      <a:pt x="50" y="32"/>
                      <a:pt x="47" y="35"/>
                    </a:cubicBezTo>
                    <a:cubicBezTo>
                      <a:pt x="44" y="38"/>
                      <a:pt x="40" y="40"/>
                      <a:pt x="35" y="40"/>
                    </a:cubicBezTo>
                    <a:lnTo>
                      <a:pt x="35" y="32"/>
                    </a:lnTo>
                    <a:close/>
                    <a:moveTo>
                      <a:pt x="0" y="20"/>
                    </a:moveTo>
                    <a:lnTo>
                      <a:pt x="0" y="20"/>
                    </a:lnTo>
                    <a:lnTo>
                      <a:pt x="0" y="20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2" name="Freeform 87">
                <a:extLst>
                  <a:ext uri="{FF2B5EF4-FFF2-40B4-BE49-F238E27FC236}">
                    <a16:creationId xmlns:a16="http://schemas.microsoft.com/office/drawing/2014/main" id="{81D7B54D-D359-424C-A7D5-BFAEF73F2844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740395" y="3934024"/>
                <a:ext cx="83344" cy="53579"/>
              </a:xfrm>
              <a:custGeom>
                <a:avLst/>
                <a:gdLst>
                  <a:gd name="T0" fmla="*/ 1 w 70"/>
                  <a:gd name="T1" fmla="*/ 9 h 45"/>
                  <a:gd name="T2" fmla="*/ 1 w 70"/>
                  <a:gd name="T3" fmla="*/ 9 h 45"/>
                  <a:gd name="T4" fmla="*/ 1 w 70"/>
                  <a:gd name="T5" fmla="*/ 0 h 45"/>
                  <a:gd name="T6" fmla="*/ 23 w 70"/>
                  <a:gd name="T7" fmla="*/ 8 h 45"/>
                  <a:gd name="T8" fmla="*/ 43 w 70"/>
                  <a:gd name="T9" fmla="*/ 15 h 45"/>
                  <a:gd name="T10" fmla="*/ 66 w 70"/>
                  <a:gd name="T11" fmla="*/ 25 h 45"/>
                  <a:gd name="T12" fmla="*/ 70 w 70"/>
                  <a:gd name="T13" fmla="*/ 35 h 45"/>
                  <a:gd name="T14" fmla="*/ 70 w 70"/>
                  <a:gd name="T15" fmla="*/ 38 h 45"/>
                  <a:gd name="T16" fmla="*/ 69 w 70"/>
                  <a:gd name="T17" fmla="*/ 40 h 45"/>
                  <a:gd name="T18" fmla="*/ 62 w 70"/>
                  <a:gd name="T19" fmla="*/ 40 h 45"/>
                  <a:gd name="T20" fmla="*/ 63 w 70"/>
                  <a:gd name="T21" fmla="*/ 37 h 45"/>
                  <a:gd name="T22" fmla="*/ 63 w 70"/>
                  <a:gd name="T23" fmla="*/ 35 h 45"/>
                  <a:gd name="T24" fmla="*/ 62 w 70"/>
                  <a:gd name="T25" fmla="*/ 32 h 45"/>
                  <a:gd name="T26" fmla="*/ 60 w 70"/>
                  <a:gd name="T27" fmla="*/ 30 h 45"/>
                  <a:gd name="T28" fmla="*/ 56 w 70"/>
                  <a:gd name="T29" fmla="*/ 29 h 45"/>
                  <a:gd name="T30" fmla="*/ 51 w 70"/>
                  <a:gd name="T31" fmla="*/ 27 h 45"/>
                  <a:gd name="T32" fmla="*/ 1 w 70"/>
                  <a:gd name="T33" fmla="*/ 45 h 45"/>
                  <a:gd name="T34" fmla="*/ 1 w 70"/>
                  <a:gd name="T35" fmla="*/ 35 h 45"/>
                  <a:gd name="T36" fmla="*/ 41 w 70"/>
                  <a:gd name="T37" fmla="*/ 22 h 45"/>
                  <a:gd name="T38" fmla="*/ 1 w 70"/>
                  <a:gd name="T39" fmla="*/ 9 h 45"/>
                  <a:gd name="T40" fmla="*/ 0 w 70"/>
                  <a:gd name="T41" fmla="*/ 22 h 45"/>
                  <a:gd name="T42" fmla="*/ 0 w 70"/>
                  <a:gd name="T43" fmla="*/ 22 h 45"/>
                  <a:gd name="T44" fmla="*/ 0 w 70"/>
                  <a:gd name="T45" fmla="*/ 22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</a:cxnLst>
                <a:rect l="0" t="0" r="r" b="b"/>
                <a:pathLst>
                  <a:path w="70" h="45">
                    <a:moveTo>
                      <a:pt x="1" y="9"/>
                    </a:moveTo>
                    <a:lnTo>
                      <a:pt x="1" y="9"/>
                    </a:lnTo>
                    <a:lnTo>
                      <a:pt x="1" y="0"/>
                    </a:lnTo>
                    <a:cubicBezTo>
                      <a:pt x="5" y="1"/>
                      <a:pt x="12" y="4"/>
                      <a:pt x="23" y="8"/>
                    </a:cubicBezTo>
                    <a:cubicBezTo>
                      <a:pt x="31" y="11"/>
                      <a:pt x="38" y="13"/>
                      <a:pt x="43" y="15"/>
                    </a:cubicBezTo>
                    <a:cubicBezTo>
                      <a:pt x="56" y="20"/>
                      <a:pt x="63" y="23"/>
                      <a:pt x="66" y="25"/>
                    </a:cubicBezTo>
                    <a:cubicBezTo>
                      <a:pt x="69" y="27"/>
                      <a:pt x="70" y="31"/>
                      <a:pt x="70" y="35"/>
                    </a:cubicBezTo>
                    <a:cubicBezTo>
                      <a:pt x="70" y="36"/>
                      <a:pt x="70" y="37"/>
                      <a:pt x="70" y="38"/>
                    </a:cubicBezTo>
                    <a:cubicBezTo>
                      <a:pt x="70" y="39"/>
                      <a:pt x="70" y="39"/>
                      <a:pt x="69" y="40"/>
                    </a:cubicBezTo>
                    <a:lnTo>
                      <a:pt x="62" y="40"/>
                    </a:lnTo>
                    <a:cubicBezTo>
                      <a:pt x="62" y="39"/>
                      <a:pt x="63" y="38"/>
                      <a:pt x="63" y="37"/>
                    </a:cubicBezTo>
                    <a:cubicBezTo>
                      <a:pt x="63" y="37"/>
                      <a:pt x="63" y="36"/>
                      <a:pt x="63" y="35"/>
                    </a:cubicBezTo>
                    <a:cubicBezTo>
                      <a:pt x="63" y="34"/>
                      <a:pt x="62" y="33"/>
                      <a:pt x="62" y="32"/>
                    </a:cubicBezTo>
                    <a:cubicBezTo>
                      <a:pt x="61" y="31"/>
                      <a:pt x="61" y="31"/>
                      <a:pt x="60" y="30"/>
                    </a:cubicBezTo>
                    <a:cubicBezTo>
                      <a:pt x="60" y="30"/>
                      <a:pt x="59" y="30"/>
                      <a:pt x="56" y="29"/>
                    </a:cubicBezTo>
                    <a:cubicBezTo>
                      <a:pt x="54" y="28"/>
                      <a:pt x="53" y="27"/>
                      <a:pt x="51" y="27"/>
                    </a:cubicBezTo>
                    <a:lnTo>
                      <a:pt x="1" y="45"/>
                    </a:lnTo>
                    <a:lnTo>
                      <a:pt x="1" y="35"/>
                    </a:lnTo>
                    <a:lnTo>
                      <a:pt x="41" y="22"/>
                    </a:lnTo>
                    <a:lnTo>
                      <a:pt x="1" y="9"/>
                    </a:lnTo>
                    <a:close/>
                    <a:moveTo>
                      <a:pt x="0" y="22"/>
                    </a:moveTo>
                    <a:lnTo>
                      <a:pt x="0" y="22"/>
                    </a:lnTo>
                    <a:lnTo>
                      <a:pt x="0" y="22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3" name="Freeform 88">
                <a:extLst>
                  <a:ext uri="{FF2B5EF4-FFF2-40B4-BE49-F238E27FC236}">
                    <a16:creationId xmlns:a16="http://schemas.microsoft.com/office/drawing/2014/main" id="{12D57BB6-CA3F-B546-B620-536B51380DA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55860" y="3841155"/>
                <a:ext cx="147638" cy="36910"/>
              </a:xfrm>
              <a:custGeom>
                <a:avLst/>
                <a:gdLst>
                  <a:gd name="T0" fmla="*/ 0 w 124"/>
                  <a:gd name="T1" fmla="*/ 1 h 31"/>
                  <a:gd name="T2" fmla="*/ 0 w 124"/>
                  <a:gd name="T3" fmla="*/ 1 h 31"/>
                  <a:gd name="T4" fmla="*/ 29 w 124"/>
                  <a:gd name="T5" fmla="*/ 14 h 31"/>
                  <a:gd name="T6" fmla="*/ 62 w 124"/>
                  <a:gd name="T7" fmla="*/ 18 h 31"/>
                  <a:gd name="T8" fmla="*/ 96 w 124"/>
                  <a:gd name="T9" fmla="*/ 13 h 31"/>
                  <a:gd name="T10" fmla="*/ 124 w 124"/>
                  <a:gd name="T11" fmla="*/ 0 h 31"/>
                  <a:gd name="T12" fmla="*/ 124 w 124"/>
                  <a:gd name="T13" fmla="*/ 8 h 31"/>
                  <a:gd name="T14" fmla="*/ 105 w 124"/>
                  <a:gd name="T15" fmla="*/ 20 h 31"/>
                  <a:gd name="T16" fmla="*/ 94 w 124"/>
                  <a:gd name="T17" fmla="*/ 25 h 31"/>
                  <a:gd name="T18" fmla="*/ 73 w 124"/>
                  <a:gd name="T19" fmla="*/ 30 h 31"/>
                  <a:gd name="T20" fmla="*/ 62 w 124"/>
                  <a:gd name="T21" fmla="*/ 31 h 31"/>
                  <a:gd name="T22" fmla="*/ 28 w 124"/>
                  <a:gd name="T23" fmla="*/ 25 h 31"/>
                  <a:gd name="T24" fmla="*/ 0 w 124"/>
                  <a:gd name="T25" fmla="*/ 9 h 31"/>
                  <a:gd name="T26" fmla="*/ 0 w 124"/>
                  <a:gd name="T27" fmla="*/ 1 h 3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124" h="31">
                    <a:moveTo>
                      <a:pt x="0" y="1"/>
                    </a:moveTo>
                    <a:lnTo>
                      <a:pt x="0" y="1"/>
                    </a:lnTo>
                    <a:cubicBezTo>
                      <a:pt x="13" y="7"/>
                      <a:pt x="23" y="12"/>
                      <a:pt x="29" y="14"/>
                    </a:cubicBezTo>
                    <a:cubicBezTo>
                      <a:pt x="38" y="17"/>
                      <a:pt x="49" y="18"/>
                      <a:pt x="62" y="18"/>
                    </a:cubicBezTo>
                    <a:cubicBezTo>
                      <a:pt x="74" y="18"/>
                      <a:pt x="86" y="17"/>
                      <a:pt x="96" y="13"/>
                    </a:cubicBezTo>
                    <a:cubicBezTo>
                      <a:pt x="103" y="11"/>
                      <a:pt x="112" y="7"/>
                      <a:pt x="124" y="0"/>
                    </a:cubicBezTo>
                    <a:lnTo>
                      <a:pt x="124" y="8"/>
                    </a:lnTo>
                    <a:cubicBezTo>
                      <a:pt x="114" y="15"/>
                      <a:pt x="108" y="18"/>
                      <a:pt x="105" y="20"/>
                    </a:cubicBezTo>
                    <a:cubicBezTo>
                      <a:pt x="102" y="21"/>
                      <a:pt x="98" y="23"/>
                      <a:pt x="94" y="25"/>
                    </a:cubicBezTo>
                    <a:cubicBezTo>
                      <a:pt x="87" y="27"/>
                      <a:pt x="81" y="29"/>
                      <a:pt x="73" y="30"/>
                    </a:cubicBezTo>
                    <a:cubicBezTo>
                      <a:pt x="69" y="30"/>
                      <a:pt x="66" y="31"/>
                      <a:pt x="62" y="31"/>
                    </a:cubicBezTo>
                    <a:cubicBezTo>
                      <a:pt x="50" y="31"/>
                      <a:pt x="38" y="29"/>
                      <a:pt x="28" y="25"/>
                    </a:cubicBezTo>
                    <a:cubicBezTo>
                      <a:pt x="22" y="22"/>
                      <a:pt x="12" y="17"/>
                      <a:pt x="0" y="9"/>
                    </a:cubicBezTo>
                    <a:lnTo>
                      <a:pt x="0" y="1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4" name="Freeform 89">
                <a:extLst>
                  <a:ext uri="{FF2B5EF4-FFF2-40B4-BE49-F238E27FC236}">
                    <a16:creationId xmlns:a16="http://schemas.microsoft.com/office/drawing/2014/main" id="{D321E2EE-8014-B54C-8F26-C8FB47D7087B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685626" y="3760192"/>
                <a:ext cx="119063" cy="73819"/>
              </a:xfrm>
              <a:custGeom>
                <a:avLst/>
                <a:gdLst>
                  <a:gd name="T0" fmla="*/ 2 w 100"/>
                  <a:gd name="T1" fmla="*/ 12 h 63"/>
                  <a:gd name="T2" fmla="*/ 2 w 100"/>
                  <a:gd name="T3" fmla="*/ 12 h 63"/>
                  <a:gd name="T4" fmla="*/ 2 w 100"/>
                  <a:gd name="T5" fmla="*/ 0 h 63"/>
                  <a:gd name="T6" fmla="*/ 33 w 100"/>
                  <a:gd name="T7" fmla="*/ 10 h 63"/>
                  <a:gd name="T8" fmla="*/ 62 w 100"/>
                  <a:gd name="T9" fmla="*/ 21 h 63"/>
                  <a:gd name="T10" fmla="*/ 94 w 100"/>
                  <a:gd name="T11" fmla="*/ 35 h 63"/>
                  <a:gd name="T12" fmla="*/ 100 w 100"/>
                  <a:gd name="T13" fmla="*/ 50 h 63"/>
                  <a:gd name="T14" fmla="*/ 100 w 100"/>
                  <a:gd name="T15" fmla="*/ 54 h 63"/>
                  <a:gd name="T16" fmla="*/ 99 w 100"/>
                  <a:gd name="T17" fmla="*/ 57 h 63"/>
                  <a:gd name="T18" fmla="*/ 89 w 100"/>
                  <a:gd name="T19" fmla="*/ 57 h 63"/>
                  <a:gd name="T20" fmla="*/ 90 w 100"/>
                  <a:gd name="T21" fmla="*/ 52 h 63"/>
                  <a:gd name="T22" fmla="*/ 90 w 100"/>
                  <a:gd name="T23" fmla="*/ 50 h 63"/>
                  <a:gd name="T24" fmla="*/ 89 w 100"/>
                  <a:gd name="T25" fmla="*/ 45 h 63"/>
                  <a:gd name="T26" fmla="*/ 86 w 100"/>
                  <a:gd name="T27" fmla="*/ 43 h 63"/>
                  <a:gd name="T28" fmla="*/ 81 w 100"/>
                  <a:gd name="T29" fmla="*/ 40 h 63"/>
                  <a:gd name="T30" fmla="*/ 74 w 100"/>
                  <a:gd name="T31" fmla="*/ 37 h 63"/>
                  <a:gd name="T32" fmla="*/ 2 w 100"/>
                  <a:gd name="T33" fmla="*/ 63 h 63"/>
                  <a:gd name="T34" fmla="*/ 2 w 100"/>
                  <a:gd name="T35" fmla="*/ 50 h 63"/>
                  <a:gd name="T36" fmla="*/ 59 w 100"/>
                  <a:gd name="T37" fmla="*/ 31 h 63"/>
                  <a:gd name="T38" fmla="*/ 2 w 100"/>
                  <a:gd name="T39" fmla="*/ 12 h 63"/>
                  <a:gd name="T40" fmla="*/ 0 w 100"/>
                  <a:gd name="T41" fmla="*/ 31 h 63"/>
                  <a:gd name="T42" fmla="*/ 0 w 100"/>
                  <a:gd name="T43" fmla="*/ 31 h 63"/>
                  <a:gd name="T44" fmla="*/ 0 w 100"/>
                  <a:gd name="T45" fmla="*/ 31 h 6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</a:cxnLst>
                <a:rect l="0" t="0" r="r" b="b"/>
                <a:pathLst>
                  <a:path w="100" h="63">
                    <a:moveTo>
                      <a:pt x="2" y="12"/>
                    </a:moveTo>
                    <a:lnTo>
                      <a:pt x="2" y="12"/>
                    </a:lnTo>
                    <a:lnTo>
                      <a:pt x="2" y="0"/>
                    </a:lnTo>
                    <a:cubicBezTo>
                      <a:pt x="7" y="1"/>
                      <a:pt x="17" y="5"/>
                      <a:pt x="33" y="10"/>
                    </a:cubicBezTo>
                    <a:cubicBezTo>
                      <a:pt x="45" y="15"/>
                      <a:pt x="54" y="18"/>
                      <a:pt x="62" y="21"/>
                    </a:cubicBezTo>
                    <a:cubicBezTo>
                      <a:pt x="80" y="28"/>
                      <a:pt x="90" y="33"/>
                      <a:pt x="94" y="35"/>
                    </a:cubicBezTo>
                    <a:cubicBezTo>
                      <a:pt x="98" y="38"/>
                      <a:pt x="100" y="43"/>
                      <a:pt x="100" y="50"/>
                    </a:cubicBezTo>
                    <a:cubicBezTo>
                      <a:pt x="100" y="51"/>
                      <a:pt x="100" y="53"/>
                      <a:pt x="100" y="54"/>
                    </a:cubicBezTo>
                    <a:cubicBezTo>
                      <a:pt x="100" y="54"/>
                      <a:pt x="100" y="56"/>
                      <a:pt x="99" y="57"/>
                    </a:cubicBezTo>
                    <a:lnTo>
                      <a:pt x="89" y="57"/>
                    </a:lnTo>
                    <a:cubicBezTo>
                      <a:pt x="89" y="55"/>
                      <a:pt x="89" y="53"/>
                      <a:pt x="90" y="52"/>
                    </a:cubicBezTo>
                    <a:cubicBezTo>
                      <a:pt x="90" y="51"/>
                      <a:pt x="90" y="51"/>
                      <a:pt x="90" y="50"/>
                    </a:cubicBezTo>
                    <a:cubicBezTo>
                      <a:pt x="90" y="48"/>
                      <a:pt x="89" y="46"/>
                      <a:pt x="89" y="45"/>
                    </a:cubicBezTo>
                    <a:cubicBezTo>
                      <a:pt x="88" y="44"/>
                      <a:pt x="87" y="43"/>
                      <a:pt x="86" y="43"/>
                    </a:cubicBezTo>
                    <a:cubicBezTo>
                      <a:pt x="86" y="42"/>
                      <a:pt x="84" y="42"/>
                      <a:pt x="81" y="40"/>
                    </a:cubicBezTo>
                    <a:cubicBezTo>
                      <a:pt x="78" y="39"/>
                      <a:pt x="75" y="38"/>
                      <a:pt x="74" y="37"/>
                    </a:cubicBezTo>
                    <a:lnTo>
                      <a:pt x="2" y="63"/>
                    </a:lnTo>
                    <a:lnTo>
                      <a:pt x="2" y="50"/>
                    </a:lnTo>
                    <a:lnTo>
                      <a:pt x="59" y="31"/>
                    </a:lnTo>
                    <a:lnTo>
                      <a:pt x="2" y="12"/>
                    </a:lnTo>
                    <a:close/>
                    <a:moveTo>
                      <a:pt x="0" y="31"/>
                    </a:moveTo>
                    <a:lnTo>
                      <a:pt x="0" y="31"/>
                    </a:lnTo>
                    <a:lnTo>
                      <a:pt x="0" y="31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5" name="Freeform 90">
                <a:extLst>
                  <a:ext uri="{FF2B5EF4-FFF2-40B4-BE49-F238E27FC236}">
                    <a16:creationId xmlns:a16="http://schemas.microsoft.com/office/drawing/2014/main" id="{5BB96131-7E89-1340-9363-75EF53F2F74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86817" y="3706615"/>
                <a:ext cx="84535" cy="40481"/>
              </a:xfrm>
              <a:custGeom>
                <a:avLst/>
                <a:gdLst>
                  <a:gd name="T0" fmla="*/ 1 w 71"/>
                  <a:gd name="T1" fmla="*/ 34 h 34"/>
                  <a:gd name="T2" fmla="*/ 1 w 71"/>
                  <a:gd name="T3" fmla="*/ 34 h 34"/>
                  <a:gd name="T4" fmla="*/ 1 w 71"/>
                  <a:gd name="T5" fmla="*/ 23 h 34"/>
                  <a:gd name="T6" fmla="*/ 13 w 71"/>
                  <a:gd name="T7" fmla="*/ 23 h 34"/>
                  <a:gd name="T8" fmla="*/ 5 w 71"/>
                  <a:gd name="T9" fmla="*/ 16 h 34"/>
                  <a:gd name="T10" fmla="*/ 0 w 71"/>
                  <a:gd name="T11" fmla="*/ 4 h 34"/>
                  <a:gd name="T12" fmla="*/ 0 w 71"/>
                  <a:gd name="T13" fmla="*/ 3 h 34"/>
                  <a:gd name="T14" fmla="*/ 0 w 71"/>
                  <a:gd name="T15" fmla="*/ 0 h 34"/>
                  <a:gd name="T16" fmla="*/ 12 w 71"/>
                  <a:gd name="T17" fmla="*/ 0 h 34"/>
                  <a:gd name="T18" fmla="*/ 12 w 71"/>
                  <a:gd name="T19" fmla="*/ 2 h 34"/>
                  <a:gd name="T20" fmla="*/ 12 w 71"/>
                  <a:gd name="T21" fmla="*/ 4 h 34"/>
                  <a:gd name="T22" fmla="*/ 18 w 71"/>
                  <a:gd name="T23" fmla="*/ 17 h 34"/>
                  <a:gd name="T24" fmla="*/ 31 w 71"/>
                  <a:gd name="T25" fmla="*/ 22 h 34"/>
                  <a:gd name="T26" fmla="*/ 71 w 71"/>
                  <a:gd name="T27" fmla="*/ 22 h 34"/>
                  <a:gd name="T28" fmla="*/ 71 w 71"/>
                  <a:gd name="T29" fmla="*/ 34 h 34"/>
                  <a:gd name="T30" fmla="*/ 1 w 71"/>
                  <a:gd name="T31" fmla="*/ 34 h 3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</a:cxnLst>
                <a:rect l="0" t="0" r="r" b="b"/>
                <a:pathLst>
                  <a:path w="71" h="34">
                    <a:moveTo>
                      <a:pt x="1" y="34"/>
                    </a:moveTo>
                    <a:lnTo>
                      <a:pt x="1" y="34"/>
                    </a:lnTo>
                    <a:lnTo>
                      <a:pt x="1" y="23"/>
                    </a:lnTo>
                    <a:lnTo>
                      <a:pt x="13" y="23"/>
                    </a:lnTo>
                    <a:cubicBezTo>
                      <a:pt x="11" y="22"/>
                      <a:pt x="8" y="20"/>
                      <a:pt x="5" y="16"/>
                    </a:cubicBezTo>
                    <a:cubicBezTo>
                      <a:pt x="1" y="13"/>
                      <a:pt x="0" y="8"/>
                      <a:pt x="0" y="4"/>
                    </a:cubicBezTo>
                    <a:cubicBezTo>
                      <a:pt x="0" y="4"/>
                      <a:pt x="0" y="3"/>
                      <a:pt x="0" y="3"/>
                    </a:cubicBezTo>
                    <a:cubicBezTo>
                      <a:pt x="0" y="2"/>
                      <a:pt x="0" y="1"/>
                      <a:pt x="0" y="0"/>
                    </a:cubicBezTo>
                    <a:lnTo>
                      <a:pt x="12" y="0"/>
                    </a:lnTo>
                    <a:cubicBezTo>
                      <a:pt x="12" y="1"/>
                      <a:pt x="12" y="1"/>
                      <a:pt x="12" y="2"/>
                    </a:cubicBezTo>
                    <a:cubicBezTo>
                      <a:pt x="12" y="3"/>
                      <a:pt x="12" y="3"/>
                      <a:pt x="12" y="4"/>
                    </a:cubicBezTo>
                    <a:cubicBezTo>
                      <a:pt x="12" y="10"/>
                      <a:pt x="14" y="14"/>
                      <a:pt x="18" y="17"/>
                    </a:cubicBezTo>
                    <a:cubicBezTo>
                      <a:pt x="21" y="21"/>
                      <a:pt x="26" y="22"/>
                      <a:pt x="31" y="22"/>
                    </a:cubicBezTo>
                    <a:lnTo>
                      <a:pt x="71" y="22"/>
                    </a:lnTo>
                    <a:lnTo>
                      <a:pt x="71" y="34"/>
                    </a:lnTo>
                    <a:lnTo>
                      <a:pt x="1" y="34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6" name="Freeform 91">
                <a:extLst>
                  <a:ext uri="{FF2B5EF4-FFF2-40B4-BE49-F238E27FC236}">
                    <a16:creationId xmlns:a16="http://schemas.microsoft.com/office/drawing/2014/main" id="{310C44D2-3F0B-CA49-8B95-F62A348BCD4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59433" y="3643511"/>
                <a:ext cx="8335" cy="55960"/>
              </a:xfrm>
              <a:custGeom>
                <a:avLst/>
                <a:gdLst>
                  <a:gd name="T0" fmla="*/ 0 w 7"/>
                  <a:gd name="T1" fmla="*/ 0 h 47"/>
                  <a:gd name="T2" fmla="*/ 0 w 7"/>
                  <a:gd name="T3" fmla="*/ 0 h 47"/>
                  <a:gd name="T4" fmla="*/ 7 w 7"/>
                  <a:gd name="T5" fmla="*/ 0 h 47"/>
                  <a:gd name="T6" fmla="*/ 7 w 7"/>
                  <a:gd name="T7" fmla="*/ 47 h 47"/>
                  <a:gd name="T8" fmla="*/ 0 w 7"/>
                  <a:gd name="T9" fmla="*/ 47 h 47"/>
                  <a:gd name="T10" fmla="*/ 0 w 7"/>
                  <a:gd name="T11" fmla="*/ 0 h 4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7" h="47">
                    <a:moveTo>
                      <a:pt x="0" y="0"/>
                    </a:moveTo>
                    <a:lnTo>
                      <a:pt x="0" y="0"/>
                    </a:lnTo>
                    <a:lnTo>
                      <a:pt x="7" y="0"/>
                    </a:lnTo>
                    <a:lnTo>
                      <a:pt x="7" y="47"/>
                    </a:lnTo>
                    <a:lnTo>
                      <a:pt x="0" y="47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7" name="Freeform 92">
                <a:extLst>
                  <a:ext uri="{FF2B5EF4-FFF2-40B4-BE49-F238E27FC236}">
                    <a16:creationId xmlns:a16="http://schemas.microsoft.com/office/drawing/2014/main" id="{94A8433B-2CF1-F64A-8829-21B8C5603AD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15379" y="3600649"/>
                <a:ext cx="76200" cy="28575"/>
              </a:xfrm>
              <a:custGeom>
                <a:avLst/>
                <a:gdLst>
                  <a:gd name="T0" fmla="*/ 18 w 64"/>
                  <a:gd name="T1" fmla="*/ 24 h 24"/>
                  <a:gd name="T2" fmla="*/ 18 w 64"/>
                  <a:gd name="T3" fmla="*/ 24 h 24"/>
                  <a:gd name="T4" fmla="*/ 12 w 64"/>
                  <a:gd name="T5" fmla="*/ 24 h 24"/>
                  <a:gd name="T6" fmla="*/ 9 w 64"/>
                  <a:gd name="T7" fmla="*/ 12 h 24"/>
                  <a:gd name="T8" fmla="*/ 0 w 64"/>
                  <a:gd name="T9" fmla="*/ 6 h 24"/>
                  <a:gd name="T10" fmla="*/ 0 w 64"/>
                  <a:gd name="T11" fmla="*/ 0 h 24"/>
                  <a:gd name="T12" fmla="*/ 64 w 64"/>
                  <a:gd name="T13" fmla="*/ 0 h 24"/>
                  <a:gd name="T14" fmla="*/ 64 w 64"/>
                  <a:gd name="T15" fmla="*/ 9 h 24"/>
                  <a:gd name="T16" fmla="*/ 18 w 64"/>
                  <a:gd name="T17" fmla="*/ 9 h 24"/>
                  <a:gd name="T18" fmla="*/ 18 w 64"/>
                  <a:gd name="T19" fmla="*/ 24 h 2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4" h="24">
                    <a:moveTo>
                      <a:pt x="18" y="24"/>
                    </a:moveTo>
                    <a:lnTo>
                      <a:pt x="18" y="24"/>
                    </a:lnTo>
                    <a:lnTo>
                      <a:pt x="12" y="24"/>
                    </a:lnTo>
                    <a:cubicBezTo>
                      <a:pt x="11" y="18"/>
                      <a:pt x="11" y="14"/>
                      <a:pt x="9" y="12"/>
                    </a:cubicBezTo>
                    <a:cubicBezTo>
                      <a:pt x="8" y="9"/>
                      <a:pt x="5" y="8"/>
                      <a:pt x="0" y="6"/>
                    </a:cubicBezTo>
                    <a:lnTo>
                      <a:pt x="0" y="0"/>
                    </a:lnTo>
                    <a:lnTo>
                      <a:pt x="64" y="0"/>
                    </a:lnTo>
                    <a:lnTo>
                      <a:pt x="64" y="9"/>
                    </a:lnTo>
                    <a:lnTo>
                      <a:pt x="18" y="9"/>
                    </a:lnTo>
                    <a:lnTo>
                      <a:pt x="18" y="24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8" name="Freeform 93">
                <a:extLst>
                  <a:ext uri="{FF2B5EF4-FFF2-40B4-BE49-F238E27FC236}">
                    <a16:creationId xmlns:a16="http://schemas.microsoft.com/office/drawing/2014/main" id="{43B4F206-E46E-8048-AB03-751F83F111D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55860" y="3536355"/>
                <a:ext cx="147638" cy="36910"/>
              </a:xfrm>
              <a:custGeom>
                <a:avLst/>
                <a:gdLst>
                  <a:gd name="T0" fmla="*/ 124 w 124"/>
                  <a:gd name="T1" fmla="*/ 30 h 31"/>
                  <a:gd name="T2" fmla="*/ 124 w 124"/>
                  <a:gd name="T3" fmla="*/ 30 h 31"/>
                  <a:gd name="T4" fmla="*/ 94 w 124"/>
                  <a:gd name="T5" fmla="*/ 17 h 31"/>
                  <a:gd name="T6" fmla="*/ 62 w 124"/>
                  <a:gd name="T7" fmla="*/ 13 h 31"/>
                  <a:gd name="T8" fmla="*/ 27 w 124"/>
                  <a:gd name="T9" fmla="*/ 18 h 31"/>
                  <a:gd name="T10" fmla="*/ 0 w 124"/>
                  <a:gd name="T11" fmla="*/ 31 h 31"/>
                  <a:gd name="T12" fmla="*/ 0 w 124"/>
                  <a:gd name="T13" fmla="*/ 23 h 31"/>
                  <a:gd name="T14" fmla="*/ 19 w 124"/>
                  <a:gd name="T15" fmla="*/ 11 h 31"/>
                  <a:gd name="T16" fmla="*/ 30 w 124"/>
                  <a:gd name="T17" fmla="*/ 6 h 31"/>
                  <a:gd name="T18" fmla="*/ 46 w 124"/>
                  <a:gd name="T19" fmla="*/ 2 h 31"/>
                  <a:gd name="T20" fmla="*/ 61 w 124"/>
                  <a:gd name="T21" fmla="*/ 0 h 31"/>
                  <a:gd name="T22" fmla="*/ 95 w 124"/>
                  <a:gd name="T23" fmla="*/ 6 h 31"/>
                  <a:gd name="T24" fmla="*/ 124 w 124"/>
                  <a:gd name="T25" fmla="*/ 22 h 31"/>
                  <a:gd name="T26" fmla="*/ 124 w 124"/>
                  <a:gd name="T27" fmla="*/ 30 h 3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124" h="31">
                    <a:moveTo>
                      <a:pt x="124" y="30"/>
                    </a:moveTo>
                    <a:lnTo>
                      <a:pt x="124" y="30"/>
                    </a:lnTo>
                    <a:cubicBezTo>
                      <a:pt x="110" y="24"/>
                      <a:pt x="101" y="19"/>
                      <a:pt x="94" y="17"/>
                    </a:cubicBezTo>
                    <a:cubicBezTo>
                      <a:pt x="85" y="14"/>
                      <a:pt x="74" y="13"/>
                      <a:pt x="62" y="13"/>
                    </a:cubicBezTo>
                    <a:cubicBezTo>
                      <a:pt x="49" y="13"/>
                      <a:pt x="38" y="14"/>
                      <a:pt x="27" y="18"/>
                    </a:cubicBezTo>
                    <a:cubicBezTo>
                      <a:pt x="21" y="20"/>
                      <a:pt x="12" y="24"/>
                      <a:pt x="0" y="31"/>
                    </a:cubicBezTo>
                    <a:lnTo>
                      <a:pt x="0" y="23"/>
                    </a:lnTo>
                    <a:cubicBezTo>
                      <a:pt x="10" y="16"/>
                      <a:pt x="17" y="12"/>
                      <a:pt x="19" y="11"/>
                    </a:cubicBezTo>
                    <a:cubicBezTo>
                      <a:pt x="22" y="9"/>
                      <a:pt x="25" y="8"/>
                      <a:pt x="30" y="6"/>
                    </a:cubicBezTo>
                    <a:cubicBezTo>
                      <a:pt x="35" y="4"/>
                      <a:pt x="40" y="2"/>
                      <a:pt x="46" y="2"/>
                    </a:cubicBezTo>
                    <a:cubicBezTo>
                      <a:pt x="51" y="1"/>
                      <a:pt x="56" y="0"/>
                      <a:pt x="61" y="0"/>
                    </a:cubicBezTo>
                    <a:cubicBezTo>
                      <a:pt x="74" y="0"/>
                      <a:pt x="85" y="2"/>
                      <a:pt x="95" y="6"/>
                    </a:cubicBezTo>
                    <a:cubicBezTo>
                      <a:pt x="102" y="9"/>
                      <a:pt x="111" y="14"/>
                      <a:pt x="124" y="22"/>
                    </a:cubicBezTo>
                    <a:lnTo>
                      <a:pt x="124" y="30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9" name="Freeform 94">
                <a:extLst>
                  <a:ext uri="{FF2B5EF4-FFF2-40B4-BE49-F238E27FC236}">
                    <a16:creationId xmlns:a16="http://schemas.microsoft.com/office/drawing/2014/main" id="{8A35BC23-C4ED-EB4B-A279-D5CEBC39E29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00001" y="4881761"/>
                <a:ext cx="0" cy="40481"/>
              </a:xfrm>
              <a:custGeom>
                <a:avLst/>
                <a:gdLst>
                  <a:gd name="T0" fmla="*/ 34 h 34"/>
                  <a:gd name="T1" fmla="*/ 34 h 34"/>
                  <a:gd name="T2" fmla="*/ 0 h 3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34">
                    <a:moveTo>
                      <a:pt x="0" y="34"/>
                    </a:moveTo>
                    <a:lnTo>
                      <a:pt x="0" y="34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20" name="Freeform 95">
                <a:extLst>
                  <a:ext uri="{FF2B5EF4-FFF2-40B4-BE49-F238E27FC236}">
                    <a16:creationId xmlns:a16="http://schemas.microsoft.com/office/drawing/2014/main" id="{0214B605-E793-8F4D-B943-55123E55B5A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76264" y="4881761"/>
                <a:ext cx="0" cy="40481"/>
              </a:xfrm>
              <a:custGeom>
                <a:avLst/>
                <a:gdLst>
                  <a:gd name="T0" fmla="*/ 34 h 34"/>
                  <a:gd name="T1" fmla="*/ 34 h 34"/>
                  <a:gd name="T2" fmla="*/ 0 h 3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34">
                    <a:moveTo>
                      <a:pt x="0" y="34"/>
                    </a:moveTo>
                    <a:lnTo>
                      <a:pt x="0" y="34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21" name="Freeform 96">
                <a:extLst>
                  <a:ext uri="{FF2B5EF4-FFF2-40B4-BE49-F238E27FC236}">
                    <a16:creationId xmlns:a16="http://schemas.microsoft.com/office/drawing/2014/main" id="{873EA11D-7DFB-E34D-8673-79A8B4ABA2E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51336" y="4881761"/>
                <a:ext cx="0" cy="40481"/>
              </a:xfrm>
              <a:custGeom>
                <a:avLst/>
                <a:gdLst>
                  <a:gd name="T0" fmla="*/ 34 h 34"/>
                  <a:gd name="T1" fmla="*/ 34 h 34"/>
                  <a:gd name="T2" fmla="*/ 0 h 3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34">
                    <a:moveTo>
                      <a:pt x="0" y="34"/>
                    </a:moveTo>
                    <a:lnTo>
                      <a:pt x="0" y="34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22" name="Freeform 97">
                <a:extLst>
                  <a:ext uri="{FF2B5EF4-FFF2-40B4-BE49-F238E27FC236}">
                    <a16:creationId xmlns:a16="http://schemas.microsoft.com/office/drawing/2014/main" id="{BB6C6688-BF11-374D-8566-E44931EB1BA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27598" y="4881761"/>
                <a:ext cx="0" cy="40481"/>
              </a:xfrm>
              <a:custGeom>
                <a:avLst/>
                <a:gdLst>
                  <a:gd name="T0" fmla="*/ 34 h 34"/>
                  <a:gd name="T1" fmla="*/ 34 h 34"/>
                  <a:gd name="T2" fmla="*/ 0 h 3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34">
                    <a:moveTo>
                      <a:pt x="0" y="34"/>
                    </a:moveTo>
                    <a:lnTo>
                      <a:pt x="0" y="34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23" name="Freeform 98">
                <a:extLst>
                  <a:ext uri="{FF2B5EF4-FFF2-40B4-BE49-F238E27FC236}">
                    <a16:creationId xmlns:a16="http://schemas.microsoft.com/office/drawing/2014/main" id="{57EB5CE2-508D-7942-9DB2-E4D5E35ED08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02670" y="4881761"/>
                <a:ext cx="0" cy="40481"/>
              </a:xfrm>
              <a:custGeom>
                <a:avLst/>
                <a:gdLst>
                  <a:gd name="T0" fmla="*/ 34 h 34"/>
                  <a:gd name="T1" fmla="*/ 34 h 34"/>
                  <a:gd name="T2" fmla="*/ 0 h 3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34">
                    <a:moveTo>
                      <a:pt x="0" y="34"/>
                    </a:moveTo>
                    <a:lnTo>
                      <a:pt x="0" y="34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24" name="Freeform 99">
                <a:extLst>
                  <a:ext uri="{FF2B5EF4-FFF2-40B4-BE49-F238E27FC236}">
                    <a16:creationId xmlns:a16="http://schemas.microsoft.com/office/drawing/2014/main" id="{C1C3266E-FB3A-6644-B1AD-04E0913B1BD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8810" y="4921052"/>
                <a:ext cx="3572" cy="3572"/>
              </a:xfrm>
              <a:custGeom>
                <a:avLst/>
                <a:gdLst>
                  <a:gd name="T0" fmla="*/ 1 w 3"/>
                  <a:gd name="T1" fmla="*/ 3 h 3"/>
                  <a:gd name="T2" fmla="*/ 1 w 3"/>
                  <a:gd name="T3" fmla="*/ 3 h 3"/>
                  <a:gd name="T4" fmla="*/ 0 w 3"/>
                  <a:gd name="T5" fmla="*/ 2 h 3"/>
                  <a:gd name="T6" fmla="*/ 0 w 3"/>
                  <a:gd name="T7" fmla="*/ 0 h 3"/>
                  <a:gd name="T8" fmla="*/ 1 w 3"/>
                  <a:gd name="T9" fmla="*/ 0 h 3"/>
                  <a:gd name="T10" fmla="*/ 1 w 3"/>
                  <a:gd name="T11" fmla="*/ 0 h 3"/>
                  <a:gd name="T12" fmla="*/ 3 w 3"/>
                  <a:gd name="T13" fmla="*/ 0 h 3"/>
                  <a:gd name="T14" fmla="*/ 3 w 3"/>
                  <a:gd name="T15" fmla="*/ 2 h 3"/>
                  <a:gd name="T16" fmla="*/ 1 w 3"/>
                  <a:gd name="T17" fmla="*/ 3 h 3"/>
                  <a:gd name="T18" fmla="*/ 1 w 3"/>
                  <a:gd name="T19" fmla="*/ 3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3" h="3">
                    <a:moveTo>
                      <a:pt x="1" y="3"/>
                    </a:moveTo>
                    <a:lnTo>
                      <a:pt x="1" y="3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1" y="0"/>
                    </a:lnTo>
                    <a:lnTo>
                      <a:pt x="1" y="0"/>
                    </a:lnTo>
                    <a:lnTo>
                      <a:pt x="3" y="0"/>
                    </a:lnTo>
                    <a:lnTo>
                      <a:pt x="3" y="2"/>
                    </a:lnTo>
                    <a:lnTo>
                      <a:pt x="1" y="3"/>
                    </a:lnTo>
                    <a:lnTo>
                      <a:pt x="1" y="3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25" name="Freeform 100">
                <a:extLst>
                  <a:ext uri="{FF2B5EF4-FFF2-40B4-BE49-F238E27FC236}">
                    <a16:creationId xmlns:a16="http://schemas.microsoft.com/office/drawing/2014/main" id="{66ADB699-02EC-A441-B350-C830E231350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73883" y="4921052"/>
                <a:ext cx="3572" cy="3572"/>
              </a:xfrm>
              <a:custGeom>
                <a:avLst/>
                <a:gdLst>
                  <a:gd name="T0" fmla="*/ 2 w 3"/>
                  <a:gd name="T1" fmla="*/ 3 h 3"/>
                  <a:gd name="T2" fmla="*/ 2 w 3"/>
                  <a:gd name="T3" fmla="*/ 3 h 3"/>
                  <a:gd name="T4" fmla="*/ 0 w 3"/>
                  <a:gd name="T5" fmla="*/ 2 h 3"/>
                  <a:gd name="T6" fmla="*/ 0 w 3"/>
                  <a:gd name="T7" fmla="*/ 0 h 3"/>
                  <a:gd name="T8" fmla="*/ 2 w 3"/>
                  <a:gd name="T9" fmla="*/ 0 h 3"/>
                  <a:gd name="T10" fmla="*/ 2 w 3"/>
                  <a:gd name="T11" fmla="*/ 0 h 3"/>
                  <a:gd name="T12" fmla="*/ 3 w 3"/>
                  <a:gd name="T13" fmla="*/ 0 h 3"/>
                  <a:gd name="T14" fmla="*/ 3 w 3"/>
                  <a:gd name="T15" fmla="*/ 2 h 3"/>
                  <a:gd name="T16" fmla="*/ 2 w 3"/>
                  <a:gd name="T17" fmla="*/ 3 h 3"/>
                  <a:gd name="T18" fmla="*/ 2 w 3"/>
                  <a:gd name="T19" fmla="*/ 3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3" h="3">
                    <a:moveTo>
                      <a:pt x="2" y="3"/>
                    </a:moveTo>
                    <a:lnTo>
                      <a:pt x="2" y="3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3" y="2"/>
                    </a:lnTo>
                    <a:lnTo>
                      <a:pt x="2" y="3"/>
                    </a:lnTo>
                    <a:lnTo>
                      <a:pt x="2" y="3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26" name="Freeform 101">
                <a:extLst>
                  <a:ext uri="{FF2B5EF4-FFF2-40B4-BE49-F238E27FC236}">
                    <a16:creationId xmlns:a16="http://schemas.microsoft.com/office/drawing/2014/main" id="{43FB0B31-4BD8-1C45-BBDC-C8380EBCCB0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50145" y="4921052"/>
                <a:ext cx="3572" cy="3572"/>
              </a:xfrm>
              <a:custGeom>
                <a:avLst/>
                <a:gdLst>
                  <a:gd name="T0" fmla="*/ 1 w 3"/>
                  <a:gd name="T1" fmla="*/ 3 h 3"/>
                  <a:gd name="T2" fmla="*/ 1 w 3"/>
                  <a:gd name="T3" fmla="*/ 3 h 3"/>
                  <a:gd name="T4" fmla="*/ 0 w 3"/>
                  <a:gd name="T5" fmla="*/ 2 h 3"/>
                  <a:gd name="T6" fmla="*/ 0 w 3"/>
                  <a:gd name="T7" fmla="*/ 0 h 3"/>
                  <a:gd name="T8" fmla="*/ 1 w 3"/>
                  <a:gd name="T9" fmla="*/ 0 h 3"/>
                  <a:gd name="T10" fmla="*/ 1 w 3"/>
                  <a:gd name="T11" fmla="*/ 0 h 3"/>
                  <a:gd name="T12" fmla="*/ 3 w 3"/>
                  <a:gd name="T13" fmla="*/ 0 h 3"/>
                  <a:gd name="T14" fmla="*/ 3 w 3"/>
                  <a:gd name="T15" fmla="*/ 2 h 3"/>
                  <a:gd name="T16" fmla="*/ 1 w 3"/>
                  <a:gd name="T17" fmla="*/ 3 h 3"/>
                  <a:gd name="T18" fmla="*/ 1 w 3"/>
                  <a:gd name="T19" fmla="*/ 3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3" h="3">
                    <a:moveTo>
                      <a:pt x="1" y="3"/>
                    </a:moveTo>
                    <a:lnTo>
                      <a:pt x="1" y="3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1" y="0"/>
                    </a:lnTo>
                    <a:lnTo>
                      <a:pt x="1" y="0"/>
                    </a:lnTo>
                    <a:lnTo>
                      <a:pt x="3" y="0"/>
                    </a:lnTo>
                    <a:lnTo>
                      <a:pt x="3" y="2"/>
                    </a:lnTo>
                    <a:lnTo>
                      <a:pt x="1" y="3"/>
                    </a:lnTo>
                    <a:lnTo>
                      <a:pt x="1" y="3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27" name="Freeform 102">
                <a:extLst>
                  <a:ext uri="{FF2B5EF4-FFF2-40B4-BE49-F238E27FC236}">
                    <a16:creationId xmlns:a16="http://schemas.microsoft.com/office/drawing/2014/main" id="{EF3C86DE-58D6-EC4D-8123-A735BC26905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25217" y="4921052"/>
                <a:ext cx="3572" cy="3572"/>
              </a:xfrm>
              <a:custGeom>
                <a:avLst/>
                <a:gdLst>
                  <a:gd name="T0" fmla="*/ 2 w 3"/>
                  <a:gd name="T1" fmla="*/ 3 h 3"/>
                  <a:gd name="T2" fmla="*/ 2 w 3"/>
                  <a:gd name="T3" fmla="*/ 3 h 3"/>
                  <a:gd name="T4" fmla="*/ 0 w 3"/>
                  <a:gd name="T5" fmla="*/ 2 h 3"/>
                  <a:gd name="T6" fmla="*/ 0 w 3"/>
                  <a:gd name="T7" fmla="*/ 0 h 3"/>
                  <a:gd name="T8" fmla="*/ 2 w 3"/>
                  <a:gd name="T9" fmla="*/ 0 h 3"/>
                  <a:gd name="T10" fmla="*/ 2 w 3"/>
                  <a:gd name="T11" fmla="*/ 0 h 3"/>
                  <a:gd name="T12" fmla="*/ 3 w 3"/>
                  <a:gd name="T13" fmla="*/ 0 h 3"/>
                  <a:gd name="T14" fmla="*/ 3 w 3"/>
                  <a:gd name="T15" fmla="*/ 2 h 3"/>
                  <a:gd name="T16" fmla="*/ 2 w 3"/>
                  <a:gd name="T17" fmla="*/ 3 h 3"/>
                  <a:gd name="T18" fmla="*/ 2 w 3"/>
                  <a:gd name="T19" fmla="*/ 3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3" h="3">
                    <a:moveTo>
                      <a:pt x="2" y="3"/>
                    </a:moveTo>
                    <a:lnTo>
                      <a:pt x="2" y="3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3" y="2"/>
                    </a:lnTo>
                    <a:lnTo>
                      <a:pt x="2" y="3"/>
                    </a:lnTo>
                    <a:lnTo>
                      <a:pt x="2" y="3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28" name="Freeform 103">
                <a:extLst>
                  <a:ext uri="{FF2B5EF4-FFF2-40B4-BE49-F238E27FC236}">
                    <a16:creationId xmlns:a16="http://schemas.microsoft.com/office/drawing/2014/main" id="{62760977-A35B-6A40-8BC6-BB8BB97FE50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01479" y="4921052"/>
                <a:ext cx="3572" cy="3572"/>
              </a:xfrm>
              <a:custGeom>
                <a:avLst/>
                <a:gdLst>
                  <a:gd name="T0" fmla="*/ 1 w 3"/>
                  <a:gd name="T1" fmla="*/ 3 h 3"/>
                  <a:gd name="T2" fmla="*/ 1 w 3"/>
                  <a:gd name="T3" fmla="*/ 3 h 3"/>
                  <a:gd name="T4" fmla="*/ 0 w 3"/>
                  <a:gd name="T5" fmla="*/ 2 h 3"/>
                  <a:gd name="T6" fmla="*/ 0 w 3"/>
                  <a:gd name="T7" fmla="*/ 0 h 3"/>
                  <a:gd name="T8" fmla="*/ 1 w 3"/>
                  <a:gd name="T9" fmla="*/ 0 h 3"/>
                  <a:gd name="T10" fmla="*/ 1 w 3"/>
                  <a:gd name="T11" fmla="*/ 0 h 3"/>
                  <a:gd name="T12" fmla="*/ 3 w 3"/>
                  <a:gd name="T13" fmla="*/ 0 h 3"/>
                  <a:gd name="T14" fmla="*/ 3 w 3"/>
                  <a:gd name="T15" fmla="*/ 2 h 3"/>
                  <a:gd name="T16" fmla="*/ 1 w 3"/>
                  <a:gd name="T17" fmla="*/ 3 h 3"/>
                  <a:gd name="T18" fmla="*/ 1 w 3"/>
                  <a:gd name="T19" fmla="*/ 3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3" h="3">
                    <a:moveTo>
                      <a:pt x="1" y="3"/>
                    </a:moveTo>
                    <a:lnTo>
                      <a:pt x="1" y="3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1" y="0"/>
                    </a:lnTo>
                    <a:lnTo>
                      <a:pt x="1" y="0"/>
                    </a:lnTo>
                    <a:lnTo>
                      <a:pt x="3" y="0"/>
                    </a:lnTo>
                    <a:lnTo>
                      <a:pt x="3" y="2"/>
                    </a:lnTo>
                    <a:lnTo>
                      <a:pt x="1" y="3"/>
                    </a:lnTo>
                    <a:lnTo>
                      <a:pt x="1" y="3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29" name="Freeform 104">
                <a:extLst>
                  <a:ext uri="{FF2B5EF4-FFF2-40B4-BE49-F238E27FC236}">
                    <a16:creationId xmlns:a16="http://schemas.microsoft.com/office/drawing/2014/main" id="{81BCC03C-8FE5-C647-AA40-04160638321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15467" y="5016302"/>
                <a:ext cx="32147" cy="88106"/>
              </a:xfrm>
              <a:custGeom>
                <a:avLst/>
                <a:gdLst>
                  <a:gd name="T0" fmla="*/ 0 w 27"/>
                  <a:gd name="T1" fmla="*/ 21 h 74"/>
                  <a:gd name="T2" fmla="*/ 0 w 27"/>
                  <a:gd name="T3" fmla="*/ 21 h 74"/>
                  <a:gd name="T4" fmla="*/ 0 w 27"/>
                  <a:gd name="T5" fmla="*/ 14 h 74"/>
                  <a:gd name="T6" fmla="*/ 14 w 27"/>
                  <a:gd name="T7" fmla="*/ 11 h 74"/>
                  <a:gd name="T8" fmla="*/ 20 w 27"/>
                  <a:gd name="T9" fmla="*/ 0 h 74"/>
                  <a:gd name="T10" fmla="*/ 27 w 27"/>
                  <a:gd name="T11" fmla="*/ 0 h 74"/>
                  <a:gd name="T12" fmla="*/ 27 w 27"/>
                  <a:gd name="T13" fmla="*/ 74 h 74"/>
                  <a:gd name="T14" fmla="*/ 17 w 27"/>
                  <a:gd name="T15" fmla="*/ 74 h 74"/>
                  <a:gd name="T16" fmla="*/ 17 w 27"/>
                  <a:gd name="T17" fmla="*/ 21 h 74"/>
                  <a:gd name="T18" fmla="*/ 0 w 27"/>
                  <a:gd name="T19" fmla="*/ 21 h 7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27" h="74">
                    <a:moveTo>
                      <a:pt x="0" y="21"/>
                    </a:moveTo>
                    <a:lnTo>
                      <a:pt x="0" y="21"/>
                    </a:lnTo>
                    <a:lnTo>
                      <a:pt x="0" y="14"/>
                    </a:lnTo>
                    <a:cubicBezTo>
                      <a:pt x="6" y="14"/>
                      <a:pt x="11" y="13"/>
                      <a:pt x="14" y="11"/>
                    </a:cubicBezTo>
                    <a:cubicBezTo>
                      <a:pt x="16" y="9"/>
                      <a:pt x="18" y="6"/>
                      <a:pt x="20" y="0"/>
                    </a:cubicBezTo>
                    <a:lnTo>
                      <a:pt x="27" y="0"/>
                    </a:lnTo>
                    <a:lnTo>
                      <a:pt x="27" y="74"/>
                    </a:lnTo>
                    <a:lnTo>
                      <a:pt x="17" y="74"/>
                    </a:lnTo>
                    <a:lnTo>
                      <a:pt x="17" y="21"/>
                    </a:lnTo>
                    <a:lnTo>
                      <a:pt x="0" y="21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30" name="Freeform 105">
                <a:extLst>
                  <a:ext uri="{FF2B5EF4-FFF2-40B4-BE49-F238E27FC236}">
                    <a16:creationId xmlns:a16="http://schemas.microsoft.com/office/drawing/2014/main" id="{201DB5A3-E20D-D842-B6AD-CB8C36FF66BA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1377379" y="5016302"/>
                <a:ext cx="60722" cy="90488"/>
              </a:xfrm>
              <a:custGeom>
                <a:avLst/>
                <a:gdLst>
                  <a:gd name="T0" fmla="*/ 25 w 51"/>
                  <a:gd name="T1" fmla="*/ 0 h 76"/>
                  <a:gd name="T2" fmla="*/ 25 w 51"/>
                  <a:gd name="T3" fmla="*/ 0 h 76"/>
                  <a:gd name="T4" fmla="*/ 46 w 51"/>
                  <a:gd name="T5" fmla="*/ 12 h 76"/>
                  <a:gd name="T6" fmla="*/ 51 w 51"/>
                  <a:gd name="T7" fmla="*/ 37 h 76"/>
                  <a:gd name="T8" fmla="*/ 47 w 51"/>
                  <a:gd name="T9" fmla="*/ 62 h 76"/>
                  <a:gd name="T10" fmla="*/ 25 w 51"/>
                  <a:gd name="T11" fmla="*/ 76 h 76"/>
                  <a:gd name="T12" fmla="*/ 5 w 51"/>
                  <a:gd name="T13" fmla="*/ 64 h 76"/>
                  <a:gd name="T14" fmla="*/ 0 w 51"/>
                  <a:gd name="T15" fmla="*/ 38 h 76"/>
                  <a:gd name="T16" fmla="*/ 3 w 51"/>
                  <a:gd name="T17" fmla="*/ 17 h 76"/>
                  <a:gd name="T18" fmla="*/ 25 w 51"/>
                  <a:gd name="T19" fmla="*/ 0 h 76"/>
                  <a:gd name="T20" fmla="*/ 25 w 51"/>
                  <a:gd name="T21" fmla="*/ 0 h 76"/>
                  <a:gd name="T22" fmla="*/ 25 w 51"/>
                  <a:gd name="T23" fmla="*/ 67 h 76"/>
                  <a:gd name="T24" fmla="*/ 25 w 51"/>
                  <a:gd name="T25" fmla="*/ 67 h 76"/>
                  <a:gd name="T26" fmla="*/ 37 w 51"/>
                  <a:gd name="T27" fmla="*/ 61 h 76"/>
                  <a:gd name="T28" fmla="*/ 41 w 51"/>
                  <a:gd name="T29" fmla="*/ 37 h 76"/>
                  <a:gd name="T30" fmla="*/ 38 w 51"/>
                  <a:gd name="T31" fmla="*/ 16 h 76"/>
                  <a:gd name="T32" fmla="*/ 26 w 51"/>
                  <a:gd name="T33" fmla="*/ 8 h 76"/>
                  <a:gd name="T34" fmla="*/ 14 w 51"/>
                  <a:gd name="T35" fmla="*/ 16 h 76"/>
                  <a:gd name="T36" fmla="*/ 10 w 51"/>
                  <a:gd name="T37" fmla="*/ 39 h 76"/>
                  <a:gd name="T38" fmla="*/ 13 w 51"/>
                  <a:gd name="T39" fmla="*/ 57 h 76"/>
                  <a:gd name="T40" fmla="*/ 25 w 51"/>
                  <a:gd name="T41" fmla="*/ 67 h 76"/>
                  <a:gd name="T42" fmla="*/ 25 w 51"/>
                  <a:gd name="T43" fmla="*/ 67 h 7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</a:cxnLst>
                <a:rect l="0" t="0" r="r" b="b"/>
                <a:pathLst>
                  <a:path w="51" h="76">
                    <a:moveTo>
                      <a:pt x="25" y="0"/>
                    </a:moveTo>
                    <a:lnTo>
                      <a:pt x="25" y="0"/>
                    </a:lnTo>
                    <a:cubicBezTo>
                      <a:pt x="35" y="0"/>
                      <a:pt x="42" y="4"/>
                      <a:pt x="46" y="12"/>
                    </a:cubicBezTo>
                    <a:cubicBezTo>
                      <a:pt x="50" y="18"/>
                      <a:pt x="51" y="26"/>
                      <a:pt x="51" y="37"/>
                    </a:cubicBezTo>
                    <a:cubicBezTo>
                      <a:pt x="51" y="47"/>
                      <a:pt x="50" y="55"/>
                      <a:pt x="47" y="62"/>
                    </a:cubicBezTo>
                    <a:cubicBezTo>
                      <a:pt x="42" y="71"/>
                      <a:pt x="35" y="76"/>
                      <a:pt x="25" y="76"/>
                    </a:cubicBezTo>
                    <a:cubicBezTo>
                      <a:pt x="16" y="76"/>
                      <a:pt x="10" y="72"/>
                      <a:pt x="5" y="64"/>
                    </a:cubicBezTo>
                    <a:cubicBezTo>
                      <a:pt x="2" y="58"/>
                      <a:pt x="0" y="49"/>
                      <a:pt x="0" y="38"/>
                    </a:cubicBezTo>
                    <a:cubicBezTo>
                      <a:pt x="0" y="30"/>
                      <a:pt x="1" y="23"/>
                      <a:pt x="3" y="17"/>
                    </a:cubicBezTo>
                    <a:cubicBezTo>
                      <a:pt x="7" y="5"/>
                      <a:pt x="15" y="0"/>
                      <a:pt x="25" y="0"/>
                    </a:cubicBezTo>
                    <a:lnTo>
                      <a:pt x="25" y="0"/>
                    </a:lnTo>
                    <a:close/>
                    <a:moveTo>
                      <a:pt x="25" y="67"/>
                    </a:moveTo>
                    <a:lnTo>
                      <a:pt x="25" y="67"/>
                    </a:lnTo>
                    <a:cubicBezTo>
                      <a:pt x="30" y="67"/>
                      <a:pt x="34" y="65"/>
                      <a:pt x="37" y="61"/>
                    </a:cubicBezTo>
                    <a:cubicBezTo>
                      <a:pt x="40" y="57"/>
                      <a:pt x="41" y="49"/>
                      <a:pt x="41" y="37"/>
                    </a:cubicBezTo>
                    <a:cubicBezTo>
                      <a:pt x="41" y="29"/>
                      <a:pt x="40" y="22"/>
                      <a:pt x="38" y="16"/>
                    </a:cubicBezTo>
                    <a:cubicBezTo>
                      <a:pt x="36" y="11"/>
                      <a:pt x="32" y="8"/>
                      <a:pt x="26" y="8"/>
                    </a:cubicBezTo>
                    <a:cubicBezTo>
                      <a:pt x="20" y="8"/>
                      <a:pt x="16" y="11"/>
                      <a:pt x="14" y="16"/>
                    </a:cubicBezTo>
                    <a:cubicBezTo>
                      <a:pt x="11" y="21"/>
                      <a:pt x="10" y="29"/>
                      <a:pt x="10" y="39"/>
                    </a:cubicBezTo>
                    <a:cubicBezTo>
                      <a:pt x="10" y="46"/>
                      <a:pt x="11" y="52"/>
                      <a:pt x="13" y="57"/>
                    </a:cubicBezTo>
                    <a:cubicBezTo>
                      <a:pt x="15" y="64"/>
                      <a:pt x="19" y="67"/>
                      <a:pt x="25" y="67"/>
                    </a:cubicBezTo>
                    <a:lnTo>
                      <a:pt x="25" y="67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31" name="Freeform 106">
                <a:extLst>
                  <a:ext uri="{FF2B5EF4-FFF2-40B4-BE49-F238E27FC236}">
                    <a16:creationId xmlns:a16="http://schemas.microsoft.com/office/drawing/2014/main" id="{FCFC473E-D06C-014A-8798-1F87D6D2D37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53579" y="4975821"/>
                <a:ext cx="22622" cy="65485"/>
              </a:xfrm>
              <a:custGeom>
                <a:avLst/>
                <a:gdLst>
                  <a:gd name="T0" fmla="*/ 0 w 20"/>
                  <a:gd name="T1" fmla="*/ 16 h 55"/>
                  <a:gd name="T2" fmla="*/ 0 w 20"/>
                  <a:gd name="T3" fmla="*/ 16 h 55"/>
                  <a:gd name="T4" fmla="*/ 0 w 20"/>
                  <a:gd name="T5" fmla="*/ 11 h 55"/>
                  <a:gd name="T6" fmla="*/ 10 w 20"/>
                  <a:gd name="T7" fmla="*/ 8 h 55"/>
                  <a:gd name="T8" fmla="*/ 15 w 20"/>
                  <a:gd name="T9" fmla="*/ 0 h 55"/>
                  <a:gd name="T10" fmla="*/ 20 w 20"/>
                  <a:gd name="T11" fmla="*/ 0 h 55"/>
                  <a:gd name="T12" fmla="*/ 20 w 20"/>
                  <a:gd name="T13" fmla="*/ 55 h 55"/>
                  <a:gd name="T14" fmla="*/ 13 w 20"/>
                  <a:gd name="T15" fmla="*/ 55 h 55"/>
                  <a:gd name="T16" fmla="*/ 13 w 20"/>
                  <a:gd name="T17" fmla="*/ 16 h 55"/>
                  <a:gd name="T18" fmla="*/ 0 w 20"/>
                  <a:gd name="T19" fmla="*/ 16 h 5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20" h="55">
                    <a:moveTo>
                      <a:pt x="0" y="16"/>
                    </a:moveTo>
                    <a:lnTo>
                      <a:pt x="0" y="16"/>
                    </a:lnTo>
                    <a:lnTo>
                      <a:pt x="0" y="11"/>
                    </a:lnTo>
                    <a:cubicBezTo>
                      <a:pt x="5" y="10"/>
                      <a:pt x="8" y="9"/>
                      <a:pt x="10" y="8"/>
                    </a:cubicBezTo>
                    <a:cubicBezTo>
                      <a:pt x="12" y="7"/>
                      <a:pt x="14" y="4"/>
                      <a:pt x="15" y="0"/>
                    </a:cubicBezTo>
                    <a:lnTo>
                      <a:pt x="20" y="0"/>
                    </a:lnTo>
                    <a:lnTo>
                      <a:pt x="20" y="55"/>
                    </a:lnTo>
                    <a:lnTo>
                      <a:pt x="13" y="55"/>
                    </a:lnTo>
                    <a:lnTo>
                      <a:pt x="13" y="16"/>
                    </a:lnTo>
                    <a:lnTo>
                      <a:pt x="0" y="16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32" name="Freeform 107">
                <a:extLst>
                  <a:ext uri="{FF2B5EF4-FFF2-40B4-BE49-F238E27FC236}">
                    <a16:creationId xmlns:a16="http://schemas.microsoft.com/office/drawing/2014/main" id="{F8A2AB7A-C11A-684C-A9AD-E359BA11115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90539" y="5016302"/>
                <a:ext cx="33338" cy="88106"/>
              </a:xfrm>
              <a:custGeom>
                <a:avLst/>
                <a:gdLst>
                  <a:gd name="T0" fmla="*/ 0 w 28"/>
                  <a:gd name="T1" fmla="*/ 21 h 74"/>
                  <a:gd name="T2" fmla="*/ 0 w 28"/>
                  <a:gd name="T3" fmla="*/ 21 h 74"/>
                  <a:gd name="T4" fmla="*/ 0 w 28"/>
                  <a:gd name="T5" fmla="*/ 14 h 74"/>
                  <a:gd name="T6" fmla="*/ 14 w 28"/>
                  <a:gd name="T7" fmla="*/ 11 h 74"/>
                  <a:gd name="T8" fmla="*/ 20 w 28"/>
                  <a:gd name="T9" fmla="*/ 0 h 74"/>
                  <a:gd name="T10" fmla="*/ 28 w 28"/>
                  <a:gd name="T11" fmla="*/ 0 h 74"/>
                  <a:gd name="T12" fmla="*/ 28 w 28"/>
                  <a:gd name="T13" fmla="*/ 74 h 74"/>
                  <a:gd name="T14" fmla="*/ 18 w 28"/>
                  <a:gd name="T15" fmla="*/ 74 h 74"/>
                  <a:gd name="T16" fmla="*/ 18 w 28"/>
                  <a:gd name="T17" fmla="*/ 21 h 74"/>
                  <a:gd name="T18" fmla="*/ 0 w 28"/>
                  <a:gd name="T19" fmla="*/ 21 h 7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28" h="74">
                    <a:moveTo>
                      <a:pt x="0" y="21"/>
                    </a:moveTo>
                    <a:lnTo>
                      <a:pt x="0" y="21"/>
                    </a:lnTo>
                    <a:lnTo>
                      <a:pt x="0" y="14"/>
                    </a:lnTo>
                    <a:cubicBezTo>
                      <a:pt x="7" y="14"/>
                      <a:pt x="12" y="13"/>
                      <a:pt x="14" y="11"/>
                    </a:cubicBezTo>
                    <a:cubicBezTo>
                      <a:pt x="17" y="9"/>
                      <a:pt x="19" y="6"/>
                      <a:pt x="20" y="0"/>
                    </a:cubicBezTo>
                    <a:lnTo>
                      <a:pt x="28" y="0"/>
                    </a:lnTo>
                    <a:lnTo>
                      <a:pt x="28" y="74"/>
                    </a:lnTo>
                    <a:lnTo>
                      <a:pt x="18" y="74"/>
                    </a:lnTo>
                    <a:lnTo>
                      <a:pt x="18" y="21"/>
                    </a:lnTo>
                    <a:lnTo>
                      <a:pt x="0" y="21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33" name="Freeform 108">
                <a:extLst>
                  <a:ext uri="{FF2B5EF4-FFF2-40B4-BE49-F238E27FC236}">
                    <a16:creationId xmlns:a16="http://schemas.microsoft.com/office/drawing/2014/main" id="{9D560542-06C7-D24B-B3FD-80661D5AF7E9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1953642" y="5016302"/>
                <a:ext cx="60722" cy="90488"/>
              </a:xfrm>
              <a:custGeom>
                <a:avLst/>
                <a:gdLst>
                  <a:gd name="T0" fmla="*/ 25 w 51"/>
                  <a:gd name="T1" fmla="*/ 0 h 76"/>
                  <a:gd name="T2" fmla="*/ 25 w 51"/>
                  <a:gd name="T3" fmla="*/ 0 h 76"/>
                  <a:gd name="T4" fmla="*/ 46 w 51"/>
                  <a:gd name="T5" fmla="*/ 12 h 76"/>
                  <a:gd name="T6" fmla="*/ 51 w 51"/>
                  <a:gd name="T7" fmla="*/ 37 h 76"/>
                  <a:gd name="T8" fmla="*/ 46 w 51"/>
                  <a:gd name="T9" fmla="*/ 62 h 76"/>
                  <a:gd name="T10" fmla="*/ 25 w 51"/>
                  <a:gd name="T11" fmla="*/ 76 h 76"/>
                  <a:gd name="T12" fmla="*/ 5 w 51"/>
                  <a:gd name="T13" fmla="*/ 64 h 76"/>
                  <a:gd name="T14" fmla="*/ 0 w 51"/>
                  <a:gd name="T15" fmla="*/ 38 h 76"/>
                  <a:gd name="T16" fmla="*/ 3 w 51"/>
                  <a:gd name="T17" fmla="*/ 17 h 76"/>
                  <a:gd name="T18" fmla="*/ 25 w 51"/>
                  <a:gd name="T19" fmla="*/ 0 h 76"/>
                  <a:gd name="T20" fmla="*/ 25 w 51"/>
                  <a:gd name="T21" fmla="*/ 0 h 76"/>
                  <a:gd name="T22" fmla="*/ 25 w 51"/>
                  <a:gd name="T23" fmla="*/ 67 h 76"/>
                  <a:gd name="T24" fmla="*/ 25 w 51"/>
                  <a:gd name="T25" fmla="*/ 67 h 76"/>
                  <a:gd name="T26" fmla="*/ 36 w 51"/>
                  <a:gd name="T27" fmla="*/ 61 h 76"/>
                  <a:gd name="T28" fmla="*/ 41 w 51"/>
                  <a:gd name="T29" fmla="*/ 37 h 76"/>
                  <a:gd name="T30" fmla="*/ 38 w 51"/>
                  <a:gd name="T31" fmla="*/ 16 h 76"/>
                  <a:gd name="T32" fmla="*/ 26 w 51"/>
                  <a:gd name="T33" fmla="*/ 8 h 76"/>
                  <a:gd name="T34" fmla="*/ 14 w 51"/>
                  <a:gd name="T35" fmla="*/ 16 h 76"/>
                  <a:gd name="T36" fmla="*/ 10 w 51"/>
                  <a:gd name="T37" fmla="*/ 39 h 76"/>
                  <a:gd name="T38" fmla="*/ 12 w 51"/>
                  <a:gd name="T39" fmla="*/ 57 h 76"/>
                  <a:gd name="T40" fmla="*/ 25 w 51"/>
                  <a:gd name="T41" fmla="*/ 67 h 76"/>
                  <a:gd name="T42" fmla="*/ 25 w 51"/>
                  <a:gd name="T43" fmla="*/ 67 h 7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</a:cxnLst>
                <a:rect l="0" t="0" r="r" b="b"/>
                <a:pathLst>
                  <a:path w="51" h="76">
                    <a:moveTo>
                      <a:pt x="25" y="0"/>
                    </a:moveTo>
                    <a:lnTo>
                      <a:pt x="25" y="0"/>
                    </a:lnTo>
                    <a:cubicBezTo>
                      <a:pt x="35" y="0"/>
                      <a:pt x="42" y="4"/>
                      <a:pt x="46" y="12"/>
                    </a:cubicBezTo>
                    <a:cubicBezTo>
                      <a:pt x="49" y="18"/>
                      <a:pt x="51" y="26"/>
                      <a:pt x="51" y="37"/>
                    </a:cubicBezTo>
                    <a:cubicBezTo>
                      <a:pt x="51" y="47"/>
                      <a:pt x="49" y="55"/>
                      <a:pt x="46" y="62"/>
                    </a:cubicBezTo>
                    <a:cubicBezTo>
                      <a:pt x="42" y="71"/>
                      <a:pt x="35" y="76"/>
                      <a:pt x="25" y="76"/>
                    </a:cubicBezTo>
                    <a:cubicBezTo>
                      <a:pt x="16" y="76"/>
                      <a:pt x="9" y="72"/>
                      <a:pt x="5" y="64"/>
                    </a:cubicBezTo>
                    <a:cubicBezTo>
                      <a:pt x="1" y="58"/>
                      <a:pt x="0" y="49"/>
                      <a:pt x="0" y="38"/>
                    </a:cubicBezTo>
                    <a:cubicBezTo>
                      <a:pt x="0" y="30"/>
                      <a:pt x="1" y="23"/>
                      <a:pt x="3" y="17"/>
                    </a:cubicBezTo>
                    <a:cubicBezTo>
                      <a:pt x="7" y="5"/>
                      <a:pt x="14" y="0"/>
                      <a:pt x="25" y="0"/>
                    </a:cubicBezTo>
                    <a:lnTo>
                      <a:pt x="25" y="0"/>
                    </a:lnTo>
                    <a:close/>
                    <a:moveTo>
                      <a:pt x="25" y="67"/>
                    </a:moveTo>
                    <a:lnTo>
                      <a:pt x="25" y="67"/>
                    </a:lnTo>
                    <a:cubicBezTo>
                      <a:pt x="30" y="67"/>
                      <a:pt x="34" y="65"/>
                      <a:pt x="36" y="61"/>
                    </a:cubicBezTo>
                    <a:cubicBezTo>
                      <a:pt x="39" y="57"/>
                      <a:pt x="41" y="49"/>
                      <a:pt x="41" y="37"/>
                    </a:cubicBezTo>
                    <a:cubicBezTo>
                      <a:pt x="41" y="29"/>
                      <a:pt x="40" y="22"/>
                      <a:pt x="38" y="16"/>
                    </a:cubicBezTo>
                    <a:cubicBezTo>
                      <a:pt x="36" y="11"/>
                      <a:pt x="32" y="8"/>
                      <a:pt x="26" y="8"/>
                    </a:cubicBezTo>
                    <a:cubicBezTo>
                      <a:pt x="20" y="8"/>
                      <a:pt x="16" y="11"/>
                      <a:pt x="14" y="16"/>
                    </a:cubicBezTo>
                    <a:cubicBezTo>
                      <a:pt x="11" y="21"/>
                      <a:pt x="10" y="29"/>
                      <a:pt x="10" y="39"/>
                    </a:cubicBezTo>
                    <a:cubicBezTo>
                      <a:pt x="10" y="46"/>
                      <a:pt x="11" y="52"/>
                      <a:pt x="12" y="57"/>
                    </a:cubicBezTo>
                    <a:cubicBezTo>
                      <a:pt x="15" y="64"/>
                      <a:pt x="19" y="67"/>
                      <a:pt x="25" y="67"/>
                    </a:cubicBezTo>
                    <a:lnTo>
                      <a:pt x="25" y="67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34" name="Freeform 109">
                <a:extLst>
                  <a:ext uri="{FF2B5EF4-FFF2-40B4-BE49-F238E27FC236}">
                    <a16:creationId xmlns:a16="http://schemas.microsoft.com/office/drawing/2014/main" id="{6BAAADB6-4CEE-704E-BE91-9F547F7EBD4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022698" y="4975821"/>
                <a:ext cx="44054" cy="65485"/>
              </a:xfrm>
              <a:custGeom>
                <a:avLst/>
                <a:gdLst>
                  <a:gd name="T0" fmla="*/ 0 w 38"/>
                  <a:gd name="T1" fmla="*/ 55 h 55"/>
                  <a:gd name="T2" fmla="*/ 0 w 38"/>
                  <a:gd name="T3" fmla="*/ 55 h 55"/>
                  <a:gd name="T4" fmla="*/ 3 w 38"/>
                  <a:gd name="T5" fmla="*/ 43 h 55"/>
                  <a:gd name="T6" fmla="*/ 13 w 38"/>
                  <a:gd name="T7" fmla="*/ 33 h 55"/>
                  <a:gd name="T8" fmla="*/ 21 w 38"/>
                  <a:gd name="T9" fmla="*/ 29 h 55"/>
                  <a:gd name="T10" fmla="*/ 27 w 38"/>
                  <a:gd name="T11" fmla="*/ 24 h 55"/>
                  <a:gd name="T12" fmla="*/ 31 w 38"/>
                  <a:gd name="T13" fmla="*/ 16 h 55"/>
                  <a:gd name="T14" fmla="*/ 28 w 38"/>
                  <a:gd name="T15" fmla="*/ 9 h 55"/>
                  <a:gd name="T16" fmla="*/ 20 w 38"/>
                  <a:gd name="T17" fmla="*/ 6 h 55"/>
                  <a:gd name="T18" fmla="*/ 10 w 38"/>
                  <a:gd name="T19" fmla="*/ 11 h 55"/>
                  <a:gd name="T20" fmla="*/ 9 w 38"/>
                  <a:gd name="T21" fmla="*/ 19 h 55"/>
                  <a:gd name="T22" fmla="*/ 1 w 38"/>
                  <a:gd name="T23" fmla="*/ 19 h 55"/>
                  <a:gd name="T24" fmla="*/ 4 w 38"/>
                  <a:gd name="T25" fmla="*/ 8 h 55"/>
                  <a:gd name="T26" fmla="*/ 20 w 38"/>
                  <a:gd name="T27" fmla="*/ 0 h 55"/>
                  <a:gd name="T28" fmla="*/ 34 w 38"/>
                  <a:gd name="T29" fmla="*/ 5 h 55"/>
                  <a:gd name="T30" fmla="*/ 38 w 38"/>
                  <a:gd name="T31" fmla="*/ 16 h 55"/>
                  <a:gd name="T32" fmla="*/ 34 w 38"/>
                  <a:gd name="T33" fmla="*/ 27 h 55"/>
                  <a:gd name="T34" fmla="*/ 24 w 38"/>
                  <a:gd name="T35" fmla="*/ 34 h 55"/>
                  <a:gd name="T36" fmla="*/ 19 w 38"/>
                  <a:gd name="T37" fmla="*/ 37 h 55"/>
                  <a:gd name="T38" fmla="*/ 13 w 38"/>
                  <a:gd name="T39" fmla="*/ 41 h 55"/>
                  <a:gd name="T40" fmla="*/ 8 w 38"/>
                  <a:gd name="T41" fmla="*/ 48 h 55"/>
                  <a:gd name="T42" fmla="*/ 38 w 38"/>
                  <a:gd name="T43" fmla="*/ 48 h 55"/>
                  <a:gd name="T44" fmla="*/ 38 w 38"/>
                  <a:gd name="T45" fmla="*/ 55 h 55"/>
                  <a:gd name="T46" fmla="*/ 0 w 38"/>
                  <a:gd name="T47" fmla="*/ 55 h 5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</a:cxnLst>
                <a:rect l="0" t="0" r="r" b="b"/>
                <a:pathLst>
                  <a:path w="38" h="55">
                    <a:moveTo>
                      <a:pt x="0" y="55"/>
                    </a:moveTo>
                    <a:lnTo>
                      <a:pt x="0" y="55"/>
                    </a:lnTo>
                    <a:cubicBezTo>
                      <a:pt x="0" y="50"/>
                      <a:pt x="1" y="46"/>
                      <a:pt x="3" y="43"/>
                    </a:cubicBezTo>
                    <a:cubicBezTo>
                      <a:pt x="5" y="39"/>
                      <a:pt x="8" y="36"/>
                      <a:pt x="13" y="33"/>
                    </a:cubicBezTo>
                    <a:lnTo>
                      <a:pt x="21" y="29"/>
                    </a:lnTo>
                    <a:cubicBezTo>
                      <a:pt x="24" y="27"/>
                      <a:pt x="26" y="25"/>
                      <a:pt x="27" y="24"/>
                    </a:cubicBezTo>
                    <a:cubicBezTo>
                      <a:pt x="30" y="22"/>
                      <a:pt x="31" y="19"/>
                      <a:pt x="31" y="16"/>
                    </a:cubicBezTo>
                    <a:cubicBezTo>
                      <a:pt x="31" y="13"/>
                      <a:pt x="30" y="11"/>
                      <a:pt x="28" y="9"/>
                    </a:cubicBezTo>
                    <a:cubicBezTo>
                      <a:pt x="26" y="7"/>
                      <a:pt x="23" y="6"/>
                      <a:pt x="20" y="6"/>
                    </a:cubicBezTo>
                    <a:cubicBezTo>
                      <a:pt x="15" y="6"/>
                      <a:pt x="12" y="8"/>
                      <a:pt x="10" y="11"/>
                    </a:cubicBezTo>
                    <a:cubicBezTo>
                      <a:pt x="9" y="13"/>
                      <a:pt x="9" y="16"/>
                      <a:pt x="9" y="19"/>
                    </a:cubicBezTo>
                    <a:lnTo>
                      <a:pt x="1" y="19"/>
                    </a:lnTo>
                    <a:cubicBezTo>
                      <a:pt x="2" y="15"/>
                      <a:pt x="2" y="11"/>
                      <a:pt x="4" y="8"/>
                    </a:cubicBezTo>
                    <a:cubicBezTo>
                      <a:pt x="7" y="2"/>
                      <a:pt x="12" y="0"/>
                      <a:pt x="20" y="0"/>
                    </a:cubicBezTo>
                    <a:cubicBezTo>
                      <a:pt x="26" y="0"/>
                      <a:pt x="31" y="1"/>
                      <a:pt x="34" y="5"/>
                    </a:cubicBezTo>
                    <a:cubicBezTo>
                      <a:pt x="37" y="8"/>
                      <a:pt x="38" y="12"/>
                      <a:pt x="38" y="16"/>
                    </a:cubicBezTo>
                    <a:cubicBezTo>
                      <a:pt x="38" y="21"/>
                      <a:pt x="37" y="24"/>
                      <a:pt x="34" y="27"/>
                    </a:cubicBezTo>
                    <a:cubicBezTo>
                      <a:pt x="32" y="29"/>
                      <a:pt x="29" y="31"/>
                      <a:pt x="24" y="34"/>
                    </a:cubicBezTo>
                    <a:lnTo>
                      <a:pt x="19" y="37"/>
                    </a:lnTo>
                    <a:cubicBezTo>
                      <a:pt x="16" y="38"/>
                      <a:pt x="14" y="40"/>
                      <a:pt x="13" y="41"/>
                    </a:cubicBezTo>
                    <a:cubicBezTo>
                      <a:pt x="10" y="43"/>
                      <a:pt x="9" y="46"/>
                      <a:pt x="8" y="48"/>
                    </a:cubicBezTo>
                    <a:lnTo>
                      <a:pt x="38" y="48"/>
                    </a:lnTo>
                    <a:lnTo>
                      <a:pt x="38" y="55"/>
                    </a:lnTo>
                    <a:lnTo>
                      <a:pt x="0" y="55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35" name="Freeform 110">
                <a:extLst>
                  <a:ext uri="{FF2B5EF4-FFF2-40B4-BE49-F238E27FC236}">
                    <a16:creationId xmlns:a16="http://schemas.microsoft.com/office/drawing/2014/main" id="{22AB0CFD-D44D-D641-88F5-592ADA9FCDF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66802" y="5016302"/>
                <a:ext cx="32147" cy="88106"/>
              </a:xfrm>
              <a:custGeom>
                <a:avLst/>
                <a:gdLst>
                  <a:gd name="T0" fmla="*/ 0 w 27"/>
                  <a:gd name="T1" fmla="*/ 21 h 74"/>
                  <a:gd name="T2" fmla="*/ 0 w 27"/>
                  <a:gd name="T3" fmla="*/ 21 h 74"/>
                  <a:gd name="T4" fmla="*/ 0 w 27"/>
                  <a:gd name="T5" fmla="*/ 14 h 74"/>
                  <a:gd name="T6" fmla="*/ 14 w 27"/>
                  <a:gd name="T7" fmla="*/ 11 h 74"/>
                  <a:gd name="T8" fmla="*/ 20 w 27"/>
                  <a:gd name="T9" fmla="*/ 0 h 74"/>
                  <a:gd name="T10" fmla="*/ 27 w 27"/>
                  <a:gd name="T11" fmla="*/ 0 h 74"/>
                  <a:gd name="T12" fmla="*/ 27 w 27"/>
                  <a:gd name="T13" fmla="*/ 74 h 74"/>
                  <a:gd name="T14" fmla="*/ 17 w 27"/>
                  <a:gd name="T15" fmla="*/ 74 h 74"/>
                  <a:gd name="T16" fmla="*/ 17 w 27"/>
                  <a:gd name="T17" fmla="*/ 21 h 74"/>
                  <a:gd name="T18" fmla="*/ 0 w 27"/>
                  <a:gd name="T19" fmla="*/ 21 h 7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27" h="74">
                    <a:moveTo>
                      <a:pt x="0" y="21"/>
                    </a:moveTo>
                    <a:lnTo>
                      <a:pt x="0" y="21"/>
                    </a:lnTo>
                    <a:lnTo>
                      <a:pt x="0" y="14"/>
                    </a:lnTo>
                    <a:cubicBezTo>
                      <a:pt x="6" y="14"/>
                      <a:pt x="11" y="13"/>
                      <a:pt x="14" y="11"/>
                    </a:cubicBezTo>
                    <a:cubicBezTo>
                      <a:pt x="16" y="9"/>
                      <a:pt x="18" y="6"/>
                      <a:pt x="20" y="0"/>
                    </a:cubicBezTo>
                    <a:lnTo>
                      <a:pt x="27" y="0"/>
                    </a:lnTo>
                    <a:lnTo>
                      <a:pt x="27" y="74"/>
                    </a:lnTo>
                    <a:lnTo>
                      <a:pt x="17" y="74"/>
                    </a:lnTo>
                    <a:lnTo>
                      <a:pt x="17" y="21"/>
                    </a:lnTo>
                    <a:lnTo>
                      <a:pt x="0" y="21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36" name="Freeform 111">
                <a:extLst>
                  <a:ext uri="{FF2B5EF4-FFF2-40B4-BE49-F238E27FC236}">
                    <a16:creationId xmlns:a16="http://schemas.microsoft.com/office/drawing/2014/main" id="{05C9AB2B-8246-BC41-B232-C8CC70F3930B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2528714" y="5016302"/>
                <a:ext cx="60722" cy="90488"/>
              </a:xfrm>
              <a:custGeom>
                <a:avLst/>
                <a:gdLst>
                  <a:gd name="T0" fmla="*/ 26 w 51"/>
                  <a:gd name="T1" fmla="*/ 0 h 76"/>
                  <a:gd name="T2" fmla="*/ 26 w 51"/>
                  <a:gd name="T3" fmla="*/ 0 h 76"/>
                  <a:gd name="T4" fmla="*/ 46 w 51"/>
                  <a:gd name="T5" fmla="*/ 12 h 76"/>
                  <a:gd name="T6" fmla="*/ 51 w 51"/>
                  <a:gd name="T7" fmla="*/ 37 h 76"/>
                  <a:gd name="T8" fmla="*/ 47 w 51"/>
                  <a:gd name="T9" fmla="*/ 62 h 76"/>
                  <a:gd name="T10" fmla="*/ 26 w 51"/>
                  <a:gd name="T11" fmla="*/ 76 h 76"/>
                  <a:gd name="T12" fmla="*/ 6 w 51"/>
                  <a:gd name="T13" fmla="*/ 64 h 76"/>
                  <a:gd name="T14" fmla="*/ 0 w 51"/>
                  <a:gd name="T15" fmla="*/ 38 h 76"/>
                  <a:gd name="T16" fmla="*/ 4 w 51"/>
                  <a:gd name="T17" fmla="*/ 17 h 76"/>
                  <a:gd name="T18" fmla="*/ 26 w 51"/>
                  <a:gd name="T19" fmla="*/ 0 h 76"/>
                  <a:gd name="T20" fmla="*/ 26 w 51"/>
                  <a:gd name="T21" fmla="*/ 0 h 76"/>
                  <a:gd name="T22" fmla="*/ 26 w 51"/>
                  <a:gd name="T23" fmla="*/ 67 h 76"/>
                  <a:gd name="T24" fmla="*/ 26 w 51"/>
                  <a:gd name="T25" fmla="*/ 67 h 76"/>
                  <a:gd name="T26" fmla="*/ 37 w 51"/>
                  <a:gd name="T27" fmla="*/ 61 h 76"/>
                  <a:gd name="T28" fmla="*/ 41 w 51"/>
                  <a:gd name="T29" fmla="*/ 37 h 76"/>
                  <a:gd name="T30" fmla="*/ 38 w 51"/>
                  <a:gd name="T31" fmla="*/ 16 h 76"/>
                  <a:gd name="T32" fmla="*/ 26 w 51"/>
                  <a:gd name="T33" fmla="*/ 8 h 76"/>
                  <a:gd name="T34" fmla="*/ 14 w 51"/>
                  <a:gd name="T35" fmla="*/ 16 h 76"/>
                  <a:gd name="T36" fmla="*/ 10 w 51"/>
                  <a:gd name="T37" fmla="*/ 39 h 76"/>
                  <a:gd name="T38" fmla="*/ 13 w 51"/>
                  <a:gd name="T39" fmla="*/ 57 h 76"/>
                  <a:gd name="T40" fmla="*/ 26 w 51"/>
                  <a:gd name="T41" fmla="*/ 67 h 76"/>
                  <a:gd name="T42" fmla="*/ 26 w 51"/>
                  <a:gd name="T43" fmla="*/ 67 h 7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</a:cxnLst>
                <a:rect l="0" t="0" r="r" b="b"/>
                <a:pathLst>
                  <a:path w="51" h="76">
                    <a:moveTo>
                      <a:pt x="26" y="0"/>
                    </a:moveTo>
                    <a:lnTo>
                      <a:pt x="26" y="0"/>
                    </a:lnTo>
                    <a:cubicBezTo>
                      <a:pt x="35" y="0"/>
                      <a:pt x="42" y="4"/>
                      <a:pt x="46" y="12"/>
                    </a:cubicBezTo>
                    <a:cubicBezTo>
                      <a:pt x="50" y="18"/>
                      <a:pt x="51" y="26"/>
                      <a:pt x="51" y="37"/>
                    </a:cubicBezTo>
                    <a:cubicBezTo>
                      <a:pt x="51" y="47"/>
                      <a:pt x="50" y="55"/>
                      <a:pt x="47" y="62"/>
                    </a:cubicBezTo>
                    <a:cubicBezTo>
                      <a:pt x="43" y="71"/>
                      <a:pt x="35" y="76"/>
                      <a:pt x="26" y="76"/>
                    </a:cubicBezTo>
                    <a:cubicBezTo>
                      <a:pt x="17" y="76"/>
                      <a:pt x="10" y="72"/>
                      <a:pt x="6" y="64"/>
                    </a:cubicBezTo>
                    <a:cubicBezTo>
                      <a:pt x="2" y="58"/>
                      <a:pt x="0" y="49"/>
                      <a:pt x="0" y="38"/>
                    </a:cubicBezTo>
                    <a:cubicBezTo>
                      <a:pt x="0" y="30"/>
                      <a:pt x="1" y="23"/>
                      <a:pt x="4" y="17"/>
                    </a:cubicBezTo>
                    <a:cubicBezTo>
                      <a:pt x="8" y="5"/>
                      <a:pt x="15" y="0"/>
                      <a:pt x="26" y="0"/>
                    </a:cubicBezTo>
                    <a:lnTo>
                      <a:pt x="26" y="0"/>
                    </a:lnTo>
                    <a:close/>
                    <a:moveTo>
                      <a:pt x="26" y="67"/>
                    </a:moveTo>
                    <a:lnTo>
                      <a:pt x="26" y="67"/>
                    </a:lnTo>
                    <a:cubicBezTo>
                      <a:pt x="30" y="67"/>
                      <a:pt x="34" y="65"/>
                      <a:pt x="37" y="61"/>
                    </a:cubicBezTo>
                    <a:cubicBezTo>
                      <a:pt x="40" y="57"/>
                      <a:pt x="41" y="49"/>
                      <a:pt x="41" y="37"/>
                    </a:cubicBezTo>
                    <a:cubicBezTo>
                      <a:pt x="41" y="29"/>
                      <a:pt x="40" y="22"/>
                      <a:pt x="38" y="16"/>
                    </a:cubicBezTo>
                    <a:cubicBezTo>
                      <a:pt x="36" y="11"/>
                      <a:pt x="32" y="8"/>
                      <a:pt x="26" y="8"/>
                    </a:cubicBezTo>
                    <a:cubicBezTo>
                      <a:pt x="21" y="8"/>
                      <a:pt x="17" y="11"/>
                      <a:pt x="14" y="16"/>
                    </a:cubicBezTo>
                    <a:cubicBezTo>
                      <a:pt x="12" y="21"/>
                      <a:pt x="10" y="29"/>
                      <a:pt x="10" y="39"/>
                    </a:cubicBezTo>
                    <a:cubicBezTo>
                      <a:pt x="10" y="46"/>
                      <a:pt x="11" y="52"/>
                      <a:pt x="13" y="57"/>
                    </a:cubicBezTo>
                    <a:cubicBezTo>
                      <a:pt x="15" y="64"/>
                      <a:pt x="19" y="67"/>
                      <a:pt x="26" y="67"/>
                    </a:cubicBezTo>
                    <a:lnTo>
                      <a:pt x="26" y="67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37" name="Freeform 112">
                <a:extLst>
                  <a:ext uri="{FF2B5EF4-FFF2-40B4-BE49-F238E27FC236}">
                    <a16:creationId xmlns:a16="http://schemas.microsoft.com/office/drawing/2014/main" id="{024001DA-15F6-B14E-A67F-00AAAD7A177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97770" y="4975821"/>
                <a:ext cx="45244" cy="66675"/>
              </a:xfrm>
              <a:custGeom>
                <a:avLst/>
                <a:gdLst>
                  <a:gd name="T0" fmla="*/ 19 w 39"/>
                  <a:gd name="T1" fmla="*/ 56 h 56"/>
                  <a:gd name="T2" fmla="*/ 19 w 39"/>
                  <a:gd name="T3" fmla="*/ 56 h 56"/>
                  <a:gd name="T4" fmla="*/ 5 w 39"/>
                  <a:gd name="T5" fmla="*/ 51 h 56"/>
                  <a:gd name="T6" fmla="*/ 0 w 39"/>
                  <a:gd name="T7" fmla="*/ 38 h 56"/>
                  <a:gd name="T8" fmla="*/ 7 w 39"/>
                  <a:gd name="T9" fmla="*/ 38 h 56"/>
                  <a:gd name="T10" fmla="*/ 9 w 39"/>
                  <a:gd name="T11" fmla="*/ 46 h 56"/>
                  <a:gd name="T12" fmla="*/ 19 w 39"/>
                  <a:gd name="T13" fmla="*/ 50 h 56"/>
                  <a:gd name="T14" fmla="*/ 28 w 39"/>
                  <a:gd name="T15" fmla="*/ 47 h 56"/>
                  <a:gd name="T16" fmla="*/ 31 w 39"/>
                  <a:gd name="T17" fmla="*/ 40 h 56"/>
                  <a:gd name="T18" fmla="*/ 28 w 39"/>
                  <a:gd name="T19" fmla="*/ 32 h 56"/>
                  <a:gd name="T20" fmla="*/ 18 w 39"/>
                  <a:gd name="T21" fmla="*/ 29 h 56"/>
                  <a:gd name="T22" fmla="*/ 17 w 39"/>
                  <a:gd name="T23" fmla="*/ 29 h 56"/>
                  <a:gd name="T24" fmla="*/ 15 w 39"/>
                  <a:gd name="T25" fmla="*/ 29 h 56"/>
                  <a:gd name="T26" fmla="*/ 15 w 39"/>
                  <a:gd name="T27" fmla="*/ 23 h 56"/>
                  <a:gd name="T28" fmla="*/ 17 w 39"/>
                  <a:gd name="T29" fmla="*/ 24 h 56"/>
                  <a:gd name="T30" fmla="*/ 19 w 39"/>
                  <a:gd name="T31" fmla="*/ 24 h 56"/>
                  <a:gd name="T32" fmla="*/ 25 w 39"/>
                  <a:gd name="T33" fmla="*/ 22 h 56"/>
                  <a:gd name="T34" fmla="*/ 29 w 39"/>
                  <a:gd name="T35" fmla="*/ 15 h 56"/>
                  <a:gd name="T36" fmla="*/ 27 w 39"/>
                  <a:gd name="T37" fmla="*/ 8 h 56"/>
                  <a:gd name="T38" fmla="*/ 20 w 39"/>
                  <a:gd name="T39" fmla="*/ 6 h 56"/>
                  <a:gd name="T40" fmla="*/ 10 w 39"/>
                  <a:gd name="T41" fmla="*/ 11 h 56"/>
                  <a:gd name="T42" fmla="*/ 8 w 39"/>
                  <a:gd name="T43" fmla="*/ 18 h 56"/>
                  <a:gd name="T44" fmla="*/ 2 w 39"/>
                  <a:gd name="T45" fmla="*/ 18 h 56"/>
                  <a:gd name="T46" fmla="*/ 4 w 39"/>
                  <a:gd name="T47" fmla="*/ 7 h 56"/>
                  <a:gd name="T48" fmla="*/ 19 w 39"/>
                  <a:gd name="T49" fmla="*/ 0 h 56"/>
                  <a:gd name="T50" fmla="*/ 32 w 39"/>
                  <a:gd name="T51" fmla="*/ 3 h 56"/>
                  <a:gd name="T52" fmla="*/ 37 w 39"/>
                  <a:gd name="T53" fmla="*/ 14 h 56"/>
                  <a:gd name="T54" fmla="*/ 34 w 39"/>
                  <a:gd name="T55" fmla="*/ 23 h 56"/>
                  <a:gd name="T56" fmla="*/ 30 w 39"/>
                  <a:gd name="T57" fmla="*/ 26 h 56"/>
                  <a:gd name="T58" fmla="*/ 36 w 39"/>
                  <a:gd name="T59" fmla="*/ 30 h 56"/>
                  <a:gd name="T60" fmla="*/ 39 w 39"/>
                  <a:gd name="T61" fmla="*/ 39 h 56"/>
                  <a:gd name="T62" fmla="*/ 34 w 39"/>
                  <a:gd name="T63" fmla="*/ 52 h 56"/>
                  <a:gd name="T64" fmla="*/ 19 w 39"/>
                  <a:gd name="T65" fmla="*/ 56 h 56"/>
                  <a:gd name="T66" fmla="*/ 19 w 39"/>
                  <a:gd name="T67" fmla="*/ 56 h 5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</a:cxnLst>
                <a:rect l="0" t="0" r="r" b="b"/>
                <a:pathLst>
                  <a:path w="39" h="56">
                    <a:moveTo>
                      <a:pt x="19" y="56"/>
                    </a:moveTo>
                    <a:lnTo>
                      <a:pt x="19" y="56"/>
                    </a:lnTo>
                    <a:cubicBezTo>
                      <a:pt x="12" y="56"/>
                      <a:pt x="8" y="55"/>
                      <a:pt x="5" y="51"/>
                    </a:cubicBezTo>
                    <a:cubicBezTo>
                      <a:pt x="2" y="48"/>
                      <a:pt x="0" y="43"/>
                      <a:pt x="0" y="38"/>
                    </a:cubicBezTo>
                    <a:lnTo>
                      <a:pt x="7" y="38"/>
                    </a:lnTo>
                    <a:cubicBezTo>
                      <a:pt x="8" y="42"/>
                      <a:pt x="8" y="44"/>
                      <a:pt x="9" y="46"/>
                    </a:cubicBezTo>
                    <a:cubicBezTo>
                      <a:pt x="11" y="49"/>
                      <a:pt x="14" y="50"/>
                      <a:pt x="19" y="50"/>
                    </a:cubicBezTo>
                    <a:cubicBezTo>
                      <a:pt x="23" y="50"/>
                      <a:pt x="26" y="49"/>
                      <a:pt x="28" y="47"/>
                    </a:cubicBezTo>
                    <a:cubicBezTo>
                      <a:pt x="30" y="45"/>
                      <a:pt x="31" y="43"/>
                      <a:pt x="31" y="40"/>
                    </a:cubicBezTo>
                    <a:cubicBezTo>
                      <a:pt x="31" y="36"/>
                      <a:pt x="30" y="33"/>
                      <a:pt x="28" y="32"/>
                    </a:cubicBezTo>
                    <a:cubicBezTo>
                      <a:pt x="25" y="30"/>
                      <a:pt x="22" y="29"/>
                      <a:pt x="18" y="29"/>
                    </a:cubicBezTo>
                    <a:cubicBezTo>
                      <a:pt x="18" y="29"/>
                      <a:pt x="17" y="29"/>
                      <a:pt x="17" y="29"/>
                    </a:cubicBezTo>
                    <a:cubicBezTo>
                      <a:pt x="16" y="29"/>
                      <a:pt x="16" y="29"/>
                      <a:pt x="15" y="29"/>
                    </a:cubicBezTo>
                    <a:lnTo>
                      <a:pt x="15" y="23"/>
                    </a:lnTo>
                    <a:cubicBezTo>
                      <a:pt x="16" y="23"/>
                      <a:pt x="17" y="23"/>
                      <a:pt x="17" y="24"/>
                    </a:cubicBezTo>
                    <a:cubicBezTo>
                      <a:pt x="18" y="24"/>
                      <a:pt x="18" y="24"/>
                      <a:pt x="19" y="24"/>
                    </a:cubicBezTo>
                    <a:cubicBezTo>
                      <a:pt x="21" y="24"/>
                      <a:pt x="23" y="23"/>
                      <a:pt x="25" y="22"/>
                    </a:cubicBezTo>
                    <a:cubicBezTo>
                      <a:pt x="28" y="21"/>
                      <a:pt x="29" y="18"/>
                      <a:pt x="29" y="15"/>
                    </a:cubicBezTo>
                    <a:cubicBezTo>
                      <a:pt x="29" y="12"/>
                      <a:pt x="28" y="10"/>
                      <a:pt x="27" y="8"/>
                    </a:cubicBezTo>
                    <a:cubicBezTo>
                      <a:pt x="25" y="7"/>
                      <a:pt x="22" y="6"/>
                      <a:pt x="20" y="6"/>
                    </a:cubicBezTo>
                    <a:cubicBezTo>
                      <a:pt x="15" y="6"/>
                      <a:pt x="12" y="8"/>
                      <a:pt x="10" y="11"/>
                    </a:cubicBezTo>
                    <a:cubicBezTo>
                      <a:pt x="9" y="12"/>
                      <a:pt x="9" y="15"/>
                      <a:pt x="8" y="18"/>
                    </a:cubicBezTo>
                    <a:lnTo>
                      <a:pt x="2" y="18"/>
                    </a:lnTo>
                    <a:cubicBezTo>
                      <a:pt x="2" y="14"/>
                      <a:pt x="2" y="10"/>
                      <a:pt x="4" y="7"/>
                    </a:cubicBezTo>
                    <a:cubicBezTo>
                      <a:pt x="7" y="2"/>
                      <a:pt x="12" y="0"/>
                      <a:pt x="19" y="0"/>
                    </a:cubicBezTo>
                    <a:cubicBezTo>
                      <a:pt x="25" y="0"/>
                      <a:pt x="29" y="1"/>
                      <a:pt x="32" y="3"/>
                    </a:cubicBezTo>
                    <a:cubicBezTo>
                      <a:pt x="35" y="6"/>
                      <a:pt x="37" y="10"/>
                      <a:pt x="37" y="14"/>
                    </a:cubicBezTo>
                    <a:cubicBezTo>
                      <a:pt x="37" y="18"/>
                      <a:pt x="36" y="20"/>
                      <a:pt x="34" y="23"/>
                    </a:cubicBezTo>
                    <a:cubicBezTo>
                      <a:pt x="33" y="24"/>
                      <a:pt x="31" y="25"/>
                      <a:pt x="30" y="26"/>
                    </a:cubicBezTo>
                    <a:cubicBezTo>
                      <a:pt x="32" y="26"/>
                      <a:pt x="35" y="28"/>
                      <a:pt x="36" y="30"/>
                    </a:cubicBezTo>
                    <a:cubicBezTo>
                      <a:pt x="38" y="33"/>
                      <a:pt x="39" y="35"/>
                      <a:pt x="39" y="39"/>
                    </a:cubicBezTo>
                    <a:cubicBezTo>
                      <a:pt x="39" y="44"/>
                      <a:pt x="37" y="48"/>
                      <a:pt x="34" y="52"/>
                    </a:cubicBezTo>
                    <a:cubicBezTo>
                      <a:pt x="30" y="55"/>
                      <a:pt x="25" y="56"/>
                      <a:pt x="19" y="56"/>
                    </a:cubicBezTo>
                    <a:lnTo>
                      <a:pt x="19" y="56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38" name="Freeform 113">
                <a:extLst>
                  <a:ext uri="{FF2B5EF4-FFF2-40B4-BE49-F238E27FC236}">
                    <a16:creationId xmlns:a16="http://schemas.microsoft.com/office/drawing/2014/main" id="{F0CE3C56-6045-A24C-BF84-10D276E6212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41873" y="5016302"/>
                <a:ext cx="33338" cy="88106"/>
              </a:xfrm>
              <a:custGeom>
                <a:avLst/>
                <a:gdLst>
                  <a:gd name="T0" fmla="*/ 0 w 28"/>
                  <a:gd name="T1" fmla="*/ 21 h 74"/>
                  <a:gd name="T2" fmla="*/ 0 w 28"/>
                  <a:gd name="T3" fmla="*/ 21 h 74"/>
                  <a:gd name="T4" fmla="*/ 0 w 28"/>
                  <a:gd name="T5" fmla="*/ 14 h 74"/>
                  <a:gd name="T6" fmla="*/ 14 w 28"/>
                  <a:gd name="T7" fmla="*/ 11 h 74"/>
                  <a:gd name="T8" fmla="*/ 20 w 28"/>
                  <a:gd name="T9" fmla="*/ 0 h 74"/>
                  <a:gd name="T10" fmla="*/ 28 w 28"/>
                  <a:gd name="T11" fmla="*/ 0 h 74"/>
                  <a:gd name="T12" fmla="*/ 28 w 28"/>
                  <a:gd name="T13" fmla="*/ 74 h 74"/>
                  <a:gd name="T14" fmla="*/ 18 w 28"/>
                  <a:gd name="T15" fmla="*/ 74 h 74"/>
                  <a:gd name="T16" fmla="*/ 18 w 28"/>
                  <a:gd name="T17" fmla="*/ 21 h 74"/>
                  <a:gd name="T18" fmla="*/ 0 w 28"/>
                  <a:gd name="T19" fmla="*/ 21 h 7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28" h="74">
                    <a:moveTo>
                      <a:pt x="0" y="21"/>
                    </a:moveTo>
                    <a:lnTo>
                      <a:pt x="0" y="21"/>
                    </a:lnTo>
                    <a:lnTo>
                      <a:pt x="0" y="14"/>
                    </a:lnTo>
                    <a:cubicBezTo>
                      <a:pt x="7" y="14"/>
                      <a:pt x="12" y="13"/>
                      <a:pt x="14" y="11"/>
                    </a:cubicBezTo>
                    <a:cubicBezTo>
                      <a:pt x="17" y="9"/>
                      <a:pt x="19" y="6"/>
                      <a:pt x="20" y="0"/>
                    </a:cubicBezTo>
                    <a:lnTo>
                      <a:pt x="28" y="0"/>
                    </a:lnTo>
                    <a:lnTo>
                      <a:pt x="28" y="74"/>
                    </a:lnTo>
                    <a:lnTo>
                      <a:pt x="18" y="74"/>
                    </a:lnTo>
                    <a:lnTo>
                      <a:pt x="18" y="21"/>
                    </a:lnTo>
                    <a:lnTo>
                      <a:pt x="0" y="21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39" name="Freeform 114">
                <a:extLst>
                  <a:ext uri="{FF2B5EF4-FFF2-40B4-BE49-F238E27FC236}">
                    <a16:creationId xmlns:a16="http://schemas.microsoft.com/office/drawing/2014/main" id="{76E90306-4A1B-FB48-BB0F-51140303F76D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3104977" y="5016302"/>
                <a:ext cx="60722" cy="90488"/>
              </a:xfrm>
              <a:custGeom>
                <a:avLst/>
                <a:gdLst>
                  <a:gd name="T0" fmla="*/ 25 w 51"/>
                  <a:gd name="T1" fmla="*/ 0 h 76"/>
                  <a:gd name="T2" fmla="*/ 25 w 51"/>
                  <a:gd name="T3" fmla="*/ 0 h 76"/>
                  <a:gd name="T4" fmla="*/ 46 w 51"/>
                  <a:gd name="T5" fmla="*/ 12 h 76"/>
                  <a:gd name="T6" fmla="*/ 51 w 51"/>
                  <a:gd name="T7" fmla="*/ 37 h 76"/>
                  <a:gd name="T8" fmla="*/ 46 w 51"/>
                  <a:gd name="T9" fmla="*/ 62 h 76"/>
                  <a:gd name="T10" fmla="*/ 25 w 51"/>
                  <a:gd name="T11" fmla="*/ 76 h 76"/>
                  <a:gd name="T12" fmla="*/ 5 w 51"/>
                  <a:gd name="T13" fmla="*/ 64 h 76"/>
                  <a:gd name="T14" fmla="*/ 0 w 51"/>
                  <a:gd name="T15" fmla="*/ 38 h 76"/>
                  <a:gd name="T16" fmla="*/ 3 w 51"/>
                  <a:gd name="T17" fmla="*/ 17 h 76"/>
                  <a:gd name="T18" fmla="*/ 25 w 51"/>
                  <a:gd name="T19" fmla="*/ 0 h 76"/>
                  <a:gd name="T20" fmla="*/ 25 w 51"/>
                  <a:gd name="T21" fmla="*/ 0 h 76"/>
                  <a:gd name="T22" fmla="*/ 25 w 51"/>
                  <a:gd name="T23" fmla="*/ 67 h 76"/>
                  <a:gd name="T24" fmla="*/ 25 w 51"/>
                  <a:gd name="T25" fmla="*/ 67 h 76"/>
                  <a:gd name="T26" fmla="*/ 37 w 51"/>
                  <a:gd name="T27" fmla="*/ 61 h 76"/>
                  <a:gd name="T28" fmla="*/ 41 w 51"/>
                  <a:gd name="T29" fmla="*/ 37 h 76"/>
                  <a:gd name="T30" fmla="*/ 38 w 51"/>
                  <a:gd name="T31" fmla="*/ 16 h 76"/>
                  <a:gd name="T32" fmla="*/ 26 w 51"/>
                  <a:gd name="T33" fmla="*/ 8 h 76"/>
                  <a:gd name="T34" fmla="*/ 14 w 51"/>
                  <a:gd name="T35" fmla="*/ 16 h 76"/>
                  <a:gd name="T36" fmla="*/ 10 w 51"/>
                  <a:gd name="T37" fmla="*/ 39 h 76"/>
                  <a:gd name="T38" fmla="*/ 12 w 51"/>
                  <a:gd name="T39" fmla="*/ 57 h 76"/>
                  <a:gd name="T40" fmla="*/ 25 w 51"/>
                  <a:gd name="T41" fmla="*/ 67 h 76"/>
                  <a:gd name="T42" fmla="*/ 25 w 51"/>
                  <a:gd name="T43" fmla="*/ 67 h 7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</a:cxnLst>
                <a:rect l="0" t="0" r="r" b="b"/>
                <a:pathLst>
                  <a:path w="51" h="76">
                    <a:moveTo>
                      <a:pt x="25" y="0"/>
                    </a:moveTo>
                    <a:lnTo>
                      <a:pt x="25" y="0"/>
                    </a:lnTo>
                    <a:cubicBezTo>
                      <a:pt x="35" y="0"/>
                      <a:pt x="42" y="4"/>
                      <a:pt x="46" y="12"/>
                    </a:cubicBezTo>
                    <a:cubicBezTo>
                      <a:pt x="49" y="18"/>
                      <a:pt x="51" y="26"/>
                      <a:pt x="51" y="37"/>
                    </a:cubicBezTo>
                    <a:cubicBezTo>
                      <a:pt x="51" y="47"/>
                      <a:pt x="49" y="55"/>
                      <a:pt x="46" y="62"/>
                    </a:cubicBezTo>
                    <a:cubicBezTo>
                      <a:pt x="42" y="71"/>
                      <a:pt x="35" y="76"/>
                      <a:pt x="25" y="76"/>
                    </a:cubicBezTo>
                    <a:cubicBezTo>
                      <a:pt x="16" y="76"/>
                      <a:pt x="10" y="72"/>
                      <a:pt x="5" y="64"/>
                    </a:cubicBezTo>
                    <a:cubicBezTo>
                      <a:pt x="2" y="58"/>
                      <a:pt x="0" y="49"/>
                      <a:pt x="0" y="38"/>
                    </a:cubicBezTo>
                    <a:cubicBezTo>
                      <a:pt x="0" y="30"/>
                      <a:pt x="1" y="23"/>
                      <a:pt x="3" y="17"/>
                    </a:cubicBezTo>
                    <a:cubicBezTo>
                      <a:pt x="7" y="5"/>
                      <a:pt x="15" y="0"/>
                      <a:pt x="25" y="0"/>
                    </a:cubicBezTo>
                    <a:lnTo>
                      <a:pt x="25" y="0"/>
                    </a:lnTo>
                    <a:close/>
                    <a:moveTo>
                      <a:pt x="25" y="67"/>
                    </a:moveTo>
                    <a:lnTo>
                      <a:pt x="25" y="67"/>
                    </a:lnTo>
                    <a:cubicBezTo>
                      <a:pt x="30" y="67"/>
                      <a:pt x="34" y="65"/>
                      <a:pt x="37" y="61"/>
                    </a:cubicBezTo>
                    <a:cubicBezTo>
                      <a:pt x="39" y="57"/>
                      <a:pt x="41" y="49"/>
                      <a:pt x="41" y="37"/>
                    </a:cubicBezTo>
                    <a:cubicBezTo>
                      <a:pt x="41" y="29"/>
                      <a:pt x="40" y="22"/>
                      <a:pt x="38" y="16"/>
                    </a:cubicBezTo>
                    <a:cubicBezTo>
                      <a:pt x="36" y="11"/>
                      <a:pt x="32" y="8"/>
                      <a:pt x="26" y="8"/>
                    </a:cubicBezTo>
                    <a:cubicBezTo>
                      <a:pt x="20" y="8"/>
                      <a:pt x="16" y="11"/>
                      <a:pt x="14" y="16"/>
                    </a:cubicBezTo>
                    <a:cubicBezTo>
                      <a:pt x="11" y="21"/>
                      <a:pt x="10" y="29"/>
                      <a:pt x="10" y="39"/>
                    </a:cubicBezTo>
                    <a:cubicBezTo>
                      <a:pt x="10" y="46"/>
                      <a:pt x="11" y="52"/>
                      <a:pt x="12" y="57"/>
                    </a:cubicBezTo>
                    <a:cubicBezTo>
                      <a:pt x="15" y="64"/>
                      <a:pt x="19" y="67"/>
                      <a:pt x="25" y="67"/>
                    </a:cubicBezTo>
                    <a:lnTo>
                      <a:pt x="25" y="67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40" name="Freeform 115">
                <a:extLst>
                  <a:ext uri="{FF2B5EF4-FFF2-40B4-BE49-F238E27FC236}">
                    <a16:creationId xmlns:a16="http://schemas.microsoft.com/office/drawing/2014/main" id="{988E6040-2427-C849-9F2E-379C13233C9C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3174033" y="4975821"/>
                <a:ext cx="45244" cy="65485"/>
              </a:xfrm>
              <a:custGeom>
                <a:avLst/>
                <a:gdLst>
                  <a:gd name="T0" fmla="*/ 24 w 39"/>
                  <a:gd name="T1" fmla="*/ 35 h 55"/>
                  <a:gd name="T2" fmla="*/ 24 w 39"/>
                  <a:gd name="T3" fmla="*/ 35 h 55"/>
                  <a:gd name="T4" fmla="*/ 24 w 39"/>
                  <a:gd name="T5" fmla="*/ 10 h 55"/>
                  <a:gd name="T6" fmla="*/ 6 w 39"/>
                  <a:gd name="T7" fmla="*/ 35 h 55"/>
                  <a:gd name="T8" fmla="*/ 24 w 39"/>
                  <a:gd name="T9" fmla="*/ 35 h 55"/>
                  <a:gd name="T10" fmla="*/ 24 w 39"/>
                  <a:gd name="T11" fmla="*/ 55 h 55"/>
                  <a:gd name="T12" fmla="*/ 24 w 39"/>
                  <a:gd name="T13" fmla="*/ 55 h 55"/>
                  <a:gd name="T14" fmla="*/ 24 w 39"/>
                  <a:gd name="T15" fmla="*/ 41 h 55"/>
                  <a:gd name="T16" fmla="*/ 0 w 39"/>
                  <a:gd name="T17" fmla="*/ 41 h 55"/>
                  <a:gd name="T18" fmla="*/ 0 w 39"/>
                  <a:gd name="T19" fmla="*/ 35 h 55"/>
                  <a:gd name="T20" fmla="*/ 25 w 39"/>
                  <a:gd name="T21" fmla="*/ 0 h 55"/>
                  <a:gd name="T22" fmla="*/ 31 w 39"/>
                  <a:gd name="T23" fmla="*/ 0 h 55"/>
                  <a:gd name="T24" fmla="*/ 31 w 39"/>
                  <a:gd name="T25" fmla="*/ 35 h 55"/>
                  <a:gd name="T26" fmla="*/ 39 w 39"/>
                  <a:gd name="T27" fmla="*/ 35 h 55"/>
                  <a:gd name="T28" fmla="*/ 39 w 39"/>
                  <a:gd name="T29" fmla="*/ 41 h 55"/>
                  <a:gd name="T30" fmla="*/ 31 w 39"/>
                  <a:gd name="T31" fmla="*/ 41 h 55"/>
                  <a:gd name="T32" fmla="*/ 31 w 39"/>
                  <a:gd name="T33" fmla="*/ 55 h 55"/>
                  <a:gd name="T34" fmla="*/ 24 w 39"/>
                  <a:gd name="T35" fmla="*/ 55 h 5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39" h="55">
                    <a:moveTo>
                      <a:pt x="24" y="35"/>
                    </a:moveTo>
                    <a:lnTo>
                      <a:pt x="24" y="35"/>
                    </a:lnTo>
                    <a:lnTo>
                      <a:pt x="24" y="10"/>
                    </a:lnTo>
                    <a:lnTo>
                      <a:pt x="6" y="35"/>
                    </a:lnTo>
                    <a:lnTo>
                      <a:pt x="24" y="35"/>
                    </a:lnTo>
                    <a:close/>
                    <a:moveTo>
                      <a:pt x="24" y="55"/>
                    </a:moveTo>
                    <a:lnTo>
                      <a:pt x="24" y="55"/>
                    </a:lnTo>
                    <a:lnTo>
                      <a:pt x="24" y="41"/>
                    </a:lnTo>
                    <a:lnTo>
                      <a:pt x="0" y="41"/>
                    </a:lnTo>
                    <a:lnTo>
                      <a:pt x="0" y="35"/>
                    </a:lnTo>
                    <a:lnTo>
                      <a:pt x="25" y="0"/>
                    </a:lnTo>
                    <a:lnTo>
                      <a:pt x="31" y="0"/>
                    </a:lnTo>
                    <a:lnTo>
                      <a:pt x="31" y="35"/>
                    </a:lnTo>
                    <a:lnTo>
                      <a:pt x="39" y="35"/>
                    </a:lnTo>
                    <a:lnTo>
                      <a:pt x="39" y="41"/>
                    </a:lnTo>
                    <a:lnTo>
                      <a:pt x="31" y="41"/>
                    </a:lnTo>
                    <a:lnTo>
                      <a:pt x="31" y="55"/>
                    </a:lnTo>
                    <a:lnTo>
                      <a:pt x="24" y="55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41" name="Freeform 116">
                <a:extLst>
                  <a:ext uri="{FF2B5EF4-FFF2-40B4-BE49-F238E27FC236}">
                    <a16:creationId xmlns:a16="http://schemas.microsoft.com/office/drawing/2014/main" id="{025DF1B0-DD07-9744-935D-C5769552E12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18136" y="5016302"/>
                <a:ext cx="32147" cy="88106"/>
              </a:xfrm>
              <a:custGeom>
                <a:avLst/>
                <a:gdLst>
                  <a:gd name="T0" fmla="*/ 0 w 27"/>
                  <a:gd name="T1" fmla="*/ 21 h 74"/>
                  <a:gd name="T2" fmla="*/ 0 w 27"/>
                  <a:gd name="T3" fmla="*/ 21 h 74"/>
                  <a:gd name="T4" fmla="*/ 0 w 27"/>
                  <a:gd name="T5" fmla="*/ 14 h 74"/>
                  <a:gd name="T6" fmla="*/ 14 w 27"/>
                  <a:gd name="T7" fmla="*/ 11 h 74"/>
                  <a:gd name="T8" fmla="*/ 20 w 27"/>
                  <a:gd name="T9" fmla="*/ 0 h 74"/>
                  <a:gd name="T10" fmla="*/ 27 w 27"/>
                  <a:gd name="T11" fmla="*/ 0 h 74"/>
                  <a:gd name="T12" fmla="*/ 27 w 27"/>
                  <a:gd name="T13" fmla="*/ 74 h 74"/>
                  <a:gd name="T14" fmla="*/ 17 w 27"/>
                  <a:gd name="T15" fmla="*/ 74 h 74"/>
                  <a:gd name="T16" fmla="*/ 17 w 27"/>
                  <a:gd name="T17" fmla="*/ 21 h 74"/>
                  <a:gd name="T18" fmla="*/ 0 w 27"/>
                  <a:gd name="T19" fmla="*/ 21 h 7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27" h="74">
                    <a:moveTo>
                      <a:pt x="0" y="21"/>
                    </a:moveTo>
                    <a:lnTo>
                      <a:pt x="0" y="21"/>
                    </a:lnTo>
                    <a:lnTo>
                      <a:pt x="0" y="14"/>
                    </a:lnTo>
                    <a:cubicBezTo>
                      <a:pt x="7" y="14"/>
                      <a:pt x="11" y="13"/>
                      <a:pt x="14" y="11"/>
                    </a:cubicBezTo>
                    <a:cubicBezTo>
                      <a:pt x="17" y="9"/>
                      <a:pt x="19" y="6"/>
                      <a:pt x="20" y="0"/>
                    </a:cubicBezTo>
                    <a:lnTo>
                      <a:pt x="27" y="0"/>
                    </a:lnTo>
                    <a:lnTo>
                      <a:pt x="27" y="74"/>
                    </a:lnTo>
                    <a:lnTo>
                      <a:pt x="17" y="74"/>
                    </a:lnTo>
                    <a:lnTo>
                      <a:pt x="17" y="21"/>
                    </a:lnTo>
                    <a:lnTo>
                      <a:pt x="0" y="21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42" name="Freeform 117">
                <a:extLst>
                  <a:ext uri="{FF2B5EF4-FFF2-40B4-BE49-F238E27FC236}">
                    <a16:creationId xmlns:a16="http://schemas.microsoft.com/office/drawing/2014/main" id="{16CCE8FA-9E1D-5946-AAC0-A3BA37043EC5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3680048" y="5016302"/>
                <a:ext cx="61913" cy="90488"/>
              </a:xfrm>
              <a:custGeom>
                <a:avLst/>
                <a:gdLst>
                  <a:gd name="T0" fmla="*/ 26 w 52"/>
                  <a:gd name="T1" fmla="*/ 0 h 76"/>
                  <a:gd name="T2" fmla="*/ 26 w 52"/>
                  <a:gd name="T3" fmla="*/ 0 h 76"/>
                  <a:gd name="T4" fmla="*/ 47 w 52"/>
                  <a:gd name="T5" fmla="*/ 12 h 76"/>
                  <a:gd name="T6" fmla="*/ 52 w 52"/>
                  <a:gd name="T7" fmla="*/ 37 h 76"/>
                  <a:gd name="T8" fmla="*/ 47 w 52"/>
                  <a:gd name="T9" fmla="*/ 62 h 76"/>
                  <a:gd name="T10" fmla="*/ 26 w 52"/>
                  <a:gd name="T11" fmla="*/ 76 h 76"/>
                  <a:gd name="T12" fmla="*/ 6 w 52"/>
                  <a:gd name="T13" fmla="*/ 64 h 76"/>
                  <a:gd name="T14" fmla="*/ 0 w 52"/>
                  <a:gd name="T15" fmla="*/ 38 h 76"/>
                  <a:gd name="T16" fmla="*/ 4 w 52"/>
                  <a:gd name="T17" fmla="*/ 17 h 76"/>
                  <a:gd name="T18" fmla="*/ 26 w 52"/>
                  <a:gd name="T19" fmla="*/ 0 h 76"/>
                  <a:gd name="T20" fmla="*/ 26 w 52"/>
                  <a:gd name="T21" fmla="*/ 0 h 76"/>
                  <a:gd name="T22" fmla="*/ 26 w 52"/>
                  <a:gd name="T23" fmla="*/ 67 h 76"/>
                  <a:gd name="T24" fmla="*/ 26 w 52"/>
                  <a:gd name="T25" fmla="*/ 67 h 76"/>
                  <a:gd name="T26" fmla="*/ 37 w 52"/>
                  <a:gd name="T27" fmla="*/ 61 h 76"/>
                  <a:gd name="T28" fmla="*/ 42 w 52"/>
                  <a:gd name="T29" fmla="*/ 37 h 76"/>
                  <a:gd name="T30" fmla="*/ 38 w 52"/>
                  <a:gd name="T31" fmla="*/ 16 h 76"/>
                  <a:gd name="T32" fmla="*/ 26 w 52"/>
                  <a:gd name="T33" fmla="*/ 8 h 76"/>
                  <a:gd name="T34" fmla="*/ 14 w 52"/>
                  <a:gd name="T35" fmla="*/ 16 h 76"/>
                  <a:gd name="T36" fmla="*/ 11 w 52"/>
                  <a:gd name="T37" fmla="*/ 39 h 76"/>
                  <a:gd name="T38" fmla="*/ 13 w 52"/>
                  <a:gd name="T39" fmla="*/ 57 h 76"/>
                  <a:gd name="T40" fmla="*/ 26 w 52"/>
                  <a:gd name="T41" fmla="*/ 67 h 76"/>
                  <a:gd name="T42" fmla="*/ 26 w 52"/>
                  <a:gd name="T43" fmla="*/ 67 h 7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</a:cxnLst>
                <a:rect l="0" t="0" r="r" b="b"/>
                <a:pathLst>
                  <a:path w="52" h="76">
                    <a:moveTo>
                      <a:pt x="26" y="0"/>
                    </a:moveTo>
                    <a:lnTo>
                      <a:pt x="26" y="0"/>
                    </a:lnTo>
                    <a:cubicBezTo>
                      <a:pt x="35" y="0"/>
                      <a:pt x="42" y="4"/>
                      <a:pt x="47" y="12"/>
                    </a:cubicBezTo>
                    <a:cubicBezTo>
                      <a:pt x="50" y="18"/>
                      <a:pt x="52" y="26"/>
                      <a:pt x="52" y="37"/>
                    </a:cubicBezTo>
                    <a:cubicBezTo>
                      <a:pt x="52" y="47"/>
                      <a:pt x="50" y="55"/>
                      <a:pt x="47" y="62"/>
                    </a:cubicBezTo>
                    <a:cubicBezTo>
                      <a:pt x="43" y="71"/>
                      <a:pt x="36" y="76"/>
                      <a:pt x="26" y="76"/>
                    </a:cubicBezTo>
                    <a:cubicBezTo>
                      <a:pt x="17" y="76"/>
                      <a:pt x="10" y="72"/>
                      <a:pt x="6" y="64"/>
                    </a:cubicBezTo>
                    <a:cubicBezTo>
                      <a:pt x="2" y="58"/>
                      <a:pt x="0" y="49"/>
                      <a:pt x="0" y="38"/>
                    </a:cubicBezTo>
                    <a:cubicBezTo>
                      <a:pt x="0" y="30"/>
                      <a:pt x="2" y="23"/>
                      <a:pt x="4" y="17"/>
                    </a:cubicBezTo>
                    <a:cubicBezTo>
                      <a:pt x="8" y="5"/>
                      <a:pt x="15" y="0"/>
                      <a:pt x="26" y="0"/>
                    </a:cubicBezTo>
                    <a:lnTo>
                      <a:pt x="26" y="0"/>
                    </a:lnTo>
                    <a:close/>
                    <a:moveTo>
                      <a:pt x="26" y="67"/>
                    </a:moveTo>
                    <a:lnTo>
                      <a:pt x="26" y="67"/>
                    </a:lnTo>
                    <a:cubicBezTo>
                      <a:pt x="31" y="67"/>
                      <a:pt x="34" y="65"/>
                      <a:pt x="37" y="61"/>
                    </a:cubicBezTo>
                    <a:cubicBezTo>
                      <a:pt x="40" y="57"/>
                      <a:pt x="42" y="49"/>
                      <a:pt x="42" y="37"/>
                    </a:cubicBezTo>
                    <a:cubicBezTo>
                      <a:pt x="42" y="29"/>
                      <a:pt x="40" y="22"/>
                      <a:pt x="38" y="16"/>
                    </a:cubicBezTo>
                    <a:cubicBezTo>
                      <a:pt x="36" y="11"/>
                      <a:pt x="32" y="8"/>
                      <a:pt x="26" y="8"/>
                    </a:cubicBezTo>
                    <a:cubicBezTo>
                      <a:pt x="21" y="8"/>
                      <a:pt x="17" y="11"/>
                      <a:pt x="14" y="16"/>
                    </a:cubicBezTo>
                    <a:cubicBezTo>
                      <a:pt x="12" y="21"/>
                      <a:pt x="11" y="29"/>
                      <a:pt x="11" y="39"/>
                    </a:cubicBezTo>
                    <a:cubicBezTo>
                      <a:pt x="11" y="46"/>
                      <a:pt x="11" y="52"/>
                      <a:pt x="13" y="57"/>
                    </a:cubicBezTo>
                    <a:cubicBezTo>
                      <a:pt x="15" y="64"/>
                      <a:pt x="20" y="67"/>
                      <a:pt x="26" y="67"/>
                    </a:cubicBezTo>
                    <a:lnTo>
                      <a:pt x="26" y="67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43" name="Freeform 118">
                <a:extLst>
                  <a:ext uri="{FF2B5EF4-FFF2-40B4-BE49-F238E27FC236}">
                    <a16:creationId xmlns:a16="http://schemas.microsoft.com/office/drawing/2014/main" id="{F01E8640-A272-CD46-8343-A26516731E8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50295" y="4977011"/>
                <a:ext cx="44054" cy="65485"/>
              </a:xfrm>
              <a:custGeom>
                <a:avLst/>
                <a:gdLst>
                  <a:gd name="T0" fmla="*/ 7 w 38"/>
                  <a:gd name="T1" fmla="*/ 40 h 55"/>
                  <a:gd name="T2" fmla="*/ 7 w 38"/>
                  <a:gd name="T3" fmla="*/ 40 h 55"/>
                  <a:gd name="T4" fmla="*/ 13 w 38"/>
                  <a:gd name="T5" fmla="*/ 48 h 55"/>
                  <a:gd name="T6" fmla="*/ 18 w 38"/>
                  <a:gd name="T7" fmla="*/ 49 h 55"/>
                  <a:gd name="T8" fmla="*/ 27 w 38"/>
                  <a:gd name="T9" fmla="*/ 45 h 55"/>
                  <a:gd name="T10" fmla="*/ 30 w 38"/>
                  <a:gd name="T11" fmla="*/ 37 h 55"/>
                  <a:gd name="T12" fmla="*/ 27 w 38"/>
                  <a:gd name="T13" fmla="*/ 28 h 55"/>
                  <a:gd name="T14" fmla="*/ 18 w 38"/>
                  <a:gd name="T15" fmla="*/ 25 h 55"/>
                  <a:gd name="T16" fmla="*/ 12 w 38"/>
                  <a:gd name="T17" fmla="*/ 26 h 55"/>
                  <a:gd name="T18" fmla="*/ 8 w 38"/>
                  <a:gd name="T19" fmla="*/ 30 h 55"/>
                  <a:gd name="T20" fmla="*/ 2 w 38"/>
                  <a:gd name="T21" fmla="*/ 29 h 55"/>
                  <a:gd name="T22" fmla="*/ 6 w 38"/>
                  <a:gd name="T23" fmla="*/ 0 h 55"/>
                  <a:gd name="T24" fmla="*/ 35 w 38"/>
                  <a:gd name="T25" fmla="*/ 0 h 55"/>
                  <a:gd name="T26" fmla="*/ 35 w 38"/>
                  <a:gd name="T27" fmla="*/ 6 h 55"/>
                  <a:gd name="T28" fmla="*/ 11 w 38"/>
                  <a:gd name="T29" fmla="*/ 6 h 55"/>
                  <a:gd name="T30" fmla="*/ 9 w 38"/>
                  <a:gd name="T31" fmla="*/ 22 h 55"/>
                  <a:gd name="T32" fmla="*/ 13 w 38"/>
                  <a:gd name="T33" fmla="*/ 20 h 55"/>
                  <a:gd name="T34" fmla="*/ 20 w 38"/>
                  <a:gd name="T35" fmla="*/ 18 h 55"/>
                  <a:gd name="T36" fmla="*/ 33 w 38"/>
                  <a:gd name="T37" fmla="*/ 23 h 55"/>
                  <a:gd name="T38" fmla="*/ 38 w 38"/>
                  <a:gd name="T39" fmla="*/ 36 h 55"/>
                  <a:gd name="T40" fmla="*/ 33 w 38"/>
                  <a:gd name="T41" fmla="*/ 49 h 55"/>
                  <a:gd name="T42" fmla="*/ 18 w 38"/>
                  <a:gd name="T43" fmla="*/ 55 h 55"/>
                  <a:gd name="T44" fmla="*/ 6 w 38"/>
                  <a:gd name="T45" fmla="*/ 52 h 55"/>
                  <a:gd name="T46" fmla="*/ 0 w 38"/>
                  <a:gd name="T47" fmla="*/ 40 h 55"/>
                  <a:gd name="T48" fmla="*/ 7 w 38"/>
                  <a:gd name="T49" fmla="*/ 40 h 5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</a:cxnLst>
                <a:rect l="0" t="0" r="r" b="b"/>
                <a:pathLst>
                  <a:path w="38" h="55">
                    <a:moveTo>
                      <a:pt x="7" y="40"/>
                    </a:moveTo>
                    <a:lnTo>
                      <a:pt x="7" y="40"/>
                    </a:lnTo>
                    <a:cubicBezTo>
                      <a:pt x="8" y="44"/>
                      <a:pt x="9" y="47"/>
                      <a:pt x="13" y="48"/>
                    </a:cubicBezTo>
                    <a:cubicBezTo>
                      <a:pt x="14" y="49"/>
                      <a:pt x="16" y="49"/>
                      <a:pt x="18" y="49"/>
                    </a:cubicBezTo>
                    <a:cubicBezTo>
                      <a:pt x="22" y="49"/>
                      <a:pt x="25" y="48"/>
                      <a:pt x="27" y="45"/>
                    </a:cubicBezTo>
                    <a:cubicBezTo>
                      <a:pt x="29" y="43"/>
                      <a:pt x="30" y="40"/>
                      <a:pt x="30" y="37"/>
                    </a:cubicBezTo>
                    <a:cubicBezTo>
                      <a:pt x="30" y="33"/>
                      <a:pt x="29" y="30"/>
                      <a:pt x="27" y="28"/>
                    </a:cubicBezTo>
                    <a:cubicBezTo>
                      <a:pt x="25" y="26"/>
                      <a:pt x="22" y="25"/>
                      <a:pt x="18" y="25"/>
                    </a:cubicBezTo>
                    <a:cubicBezTo>
                      <a:pt x="16" y="25"/>
                      <a:pt x="14" y="25"/>
                      <a:pt x="12" y="26"/>
                    </a:cubicBezTo>
                    <a:cubicBezTo>
                      <a:pt x="11" y="27"/>
                      <a:pt x="9" y="28"/>
                      <a:pt x="8" y="30"/>
                    </a:cubicBezTo>
                    <a:lnTo>
                      <a:pt x="2" y="29"/>
                    </a:lnTo>
                    <a:lnTo>
                      <a:pt x="6" y="0"/>
                    </a:lnTo>
                    <a:lnTo>
                      <a:pt x="35" y="0"/>
                    </a:lnTo>
                    <a:lnTo>
                      <a:pt x="35" y="6"/>
                    </a:lnTo>
                    <a:lnTo>
                      <a:pt x="11" y="6"/>
                    </a:lnTo>
                    <a:lnTo>
                      <a:pt x="9" y="22"/>
                    </a:lnTo>
                    <a:cubicBezTo>
                      <a:pt x="10" y="21"/>
                      <a:pt x="11" y="20"/>
                      <a:pt x="13" y="20"/>
                    </a:cubicBezTo>
                    <a:cubicBezTo>
                      <a:pt x="15" y="19"/>
                      <a:pt x="17" y="18"/>
                      <a:pt x="20" y="18"/>
                    </a:cubicBezTo>
                    <a:cubicBezTo>
                      <a:pt x="25" y="18"/>
                      <a:pt x="29" y="20"/>
                      <a:pt x="33" y="23"/>
                    </a:cubicBezTo>
                    <a:cubicBezTo>
                      <a:pt x="36" y="26"/>
                      <a:pt x="38" y="31"/>
                      <a:pt x="38" y="36"/>
                    </a:cubicBezTo>
                    <a:cubicBezTo>
                      <a:pt x="38" y="41"/>
                      <a:pt x="36" y="45"/>
                      <a:pt x="33" y="49"/>
                    </a:cubicBezTo>
                    <a:cubicBezTo>
                      <a:pt x="30" y="53"/>
                      <a:pt x="25" y="55"/>
                      <a:pt x="18" y="55"/>
                    </a:cubicBezTo>
                    <a:cubicBezTo>
                      <a:pt x="13" y="55"/>
                      <a:pt x="9" y="54"/>
                      <a:pt x="6" y="52"/>
                    </a:cubicBezTo>
                    <a:cubicBezTo>
                      <a:pt x="2" y="49"/>
                      <a:pt x="0" y="45"/>
                      <a:pt x="0" y="40"/>
                    </a:cubicBezTo>
                    <a:lnTo>
                      <a:pt x="7" y="40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44" name="Freeform 119">
                <a:extLst>
                  <a:ext uri="{FF2B5EF4-FFF2-40B4-BE49-F238E27FC236}">
                    <a16:creationId xmlns:a16="http://schemas.microsoft.com/office/drawing/2014/main" id="{86890DB1-7911-BE43-9877-DE388205B01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98773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45" name="Freeform 120">
                <a:extLst>
                  <a:ext uri="{FF2B5EF4-FFF2-40B4-BE49-F238E27FC236}">
                    <a16:creationId xmlns:a16="http://schemas.microsoft.com/office/drawing/2014/main" id="{D582995B-65BD-8243-B13D-68AD443A526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70210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46" name="Freeform 121">
                <a:extLst>
                  <a:ext uri="{FF2B5EF4-FFF2-40B4-BE49-F238E27FC236}">
                    <a16:creationId xmlns:a16="http://schemas.microsoft.com/office/drawing/2014/main" id="{3CAA5DB0-A8B0-2B40-8D99-DAF90F309D1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26170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47" name="Freeform 122">
                <a:extLst>
                  <a:ext uri="{FF2B5EF4-FFF2-40B4-BE49-F238E27FC236}">
                    <a16:creationId xmlns:a16="http://schemas.microsoft.com/office/drawing/2014/main" id="{2DB3EE80-1E5D-0741-BBFD-C38B4F8074A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71414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48" name="Freeform 123">
                <a:extLst>
                  <a:ext uri="{FF2B5EF4-FFF2-40B4-BE49-F238E27FC236}">
                    <a16:creationId xmlns:a16="http://schemas.microsoft.com/office/drawing/2014/main" id="{1C14C529-21DA-9040-95F7-57BA7D46C40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10704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49" name="Freeform 124">
                <a:extLst>
                  <a:ext uri="{FF2B5EF4-FFF2-40B4-BE49-F238E27FC236}">
                    <a16:creationId xmlns:a16="http://schemas.microsoft.com/office/drawing/2014/main" id="{2A9E479D-6D87-4746-A5F9-131B69BA414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4042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50" name="Freeform 125">
                <a:extLst>
                  <a:ext uri="{FF2B5EF4-FFF2-40B4-BE49-F238E27FC236}">
                    <a16:creationId xmlns:a16="http://schemas.microsoft.com/office/drawing/2014/main" id="{F4CD11E0-7E63-004C-96AD-AF2155249BC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3808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51" name="Freeform 126">
                <a:extLst>
                  <a:ext uri="{FF2B5EF4-FFF2-40B4-BE49-F238E27FC236}">
                    <a16:creationId xmlns:a16="http://schemas.microsoft.com/office/drawing/2014/main" id="{FE05EE8F-F387-D447-9FFB-BC61CB07CE1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72642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52" name="Freeform 127">
                <a:extLst>
                  <a:ext uri="{FF2B5EF4-FFF2-40B4-BE49-F238E27FC236}">
                    <a16:creationId xmlns:a16="http://schemas.microsoft.com/office/drawing/2014/main" id="{ED54EEA6-01D8-5D46-8479-F643D13845F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75035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53" name="Freeform 128">
                <a:extLst>
                  <a:ext uri="{FF2B5EF4-FFF2-40B4-BE49-F238E27FC236}">
                    <a16:creationId xmlns:a16="http://schemas.microsoft.com/office/drawing/2014/main" id="{FBFB9BD4-2AC0-8546-B864-2BD97BDC7A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45283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54" name="Freeform 129">
                <a:extLst>
                  <a:ext uri="{FF2B5EF4-FFF2-40B4-BE49-F238E27FC236}">
                    <a16:creationId xmlns:a16="http://schemas.microsoft.com/office/drawing/2014/main" id="{BAB9E52B-F60C-494C-B83F-036BA64C86C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01242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55" name="Freeform 130">
                <a:extLst>
                  <a:ext uri="{FF2B5EF4-FFF2-40B4-BE49-F238E27FC236}">
                    <a16:creationId xmlns:a16="http://schemas.microsoft.com/office/drawing/2014/main" id="{BBE7098F-AD23-5043-ADEA-FC593D3A3A0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47676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56" name="Freeform 131">
                <a:extLst>
                  <a:ext uri="{FF2B5EF4-FFF2-40B4-BE49-F238E27FC236}">
                    <a16:creationId xmlns:a16="http://schemas.microsoft.com/office/drawing/2014/main" id="{633E8D0A-CD31-314E-B879-D53A6158777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85776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57" name="Freeform 132">
                <a:extLst>
                  <a:ext uri="{FF2B5EF4-FFF2-40B4-BE49-F238E27FC236}">
                    <a16:creationId xmlns:a16="http://schemas.microsoft.com/office/drawing/2014/main" id="{D082E07B-F962-C84B-8337-667A1F8FB21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20304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58" name="Freeform 133">
                <a:extLst>
                  <a:ext uri="{FF2B5EF4-FFF2-40B4-BE49-F238E27FC236}">
                    <a16:creationId xmlns:a16="http://schemas.microsoft.com/office/drawing/2014/main" id="{8A3E4660-0F8C-A548-84D4-24EE048061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48879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59" name="Freeform 134">
                <a:extLst>
                  <a:ext uri="{FF2B5EF4-FFF2-40B4-BE49-F238E27FC236}">
                    <a16:creationId xmlns:a16="http://schemas.microsoft.com/office/drawing/2014/main" id="{5DADBF5C-65B1-0A46-BEB1-5020A1FF951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48904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60" name="Freeform 135">
                <a:extLst>
                  <a:ext uri="{FF2B5EF4-FFF2-40B4-BE49-F238E27FC236}">
                    <a16:creationId xmlns:a16="http://schemas.microsoft.com/office/drawing/2014/main" id="{0D526099-CD8C-CD42-BCB6-9B9FAD4A175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50108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61" name="Freeform 136">
                <a:extLst>
                  <a:ext uri="{FF2B5EF4-FFF2-40B4-BE49-F238E27FC236}">
                    <a16:creationId xmlns:a16="http://schemas.microsoft.com/office/drawing/2014/main" id="{78A2E2FA-EC53-2342-9861-BE3C02EA1D1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22736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62" name="Freeform 137">
                <a:extLst>
                  <a:ext uri="{FF2B5EF4-FFF2-40B4-BE49-F238E27FC236}">
                    <a16:creationId xmlns:a16="http://schemas.microsoft.com/office/drawing/2014/main" id="{8B3012EE-C21C-D544-BBF8-B12BF5D5C08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77504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63" name="Freeform 138">
                <a:extLst>
                  <a:ext uri="{FF2B5EF4-FFF2-40B4-BE49-F238E27FC236}">
                    <a16:creationId xmlns:a16="http://schemas.microsoft.com/office/drawing/2014/main" id="{46C306BD-FB04-E642-AD2A-D5B2CB86D9B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22748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64" name="Freeform 139">
                <a:extLst>
                  <a:ext uri="{FF2B5EF4-FFF2-40B4-BE49-F238E27FC236}">
                    <a16:creationId xmlns:a16="http://schemas.microsoft.com/office/drawing/2014/main" id="{08523D49-6483-9C4E-BEDB-1DB6501C63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62039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65" name="Freeform 140">
                <a:extLst>
                  <a:ext uri="{FF2B5EF4-FFF2-40B4-BE49-F238E27FC236}">
                    <a16:creationId xmlns:a16="http://schemas.microsoft.com/office/drawing/2014/main" id="{98CB9BE6-464F-1A4B-8BBB-575DCCF059E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95377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66" name="Freeform 141">
                <a:extLst>
                  <a:ext uri="{FF2B5EF4-FFF2-40B4-BE49-F238E27FC236}">
                    <a16:creationId xmlns:a16="http://schemas.microsoft.com/office/drawing/2014/main" id="{61844B65-3AE7-834B-AE70-BFD56090909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25142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67" name="Freeform 142">
                <a:extLst>
                  <a:ext uri="{FF2B5EF4-FFF2-40B4-BE49-F238E27FC236}">
                    <a16:creationId xmlns:a16="http://schemas.microsoft.com/office/drawing/2014/main" id="{70E8E9B0-8A48-0B43-87B2-5DFADA9AAD9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23977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68" name="Freeform 143">
                <a:extLst>
                  <a:ext uri="{FF2B5EF4-FFF2-40B4-BE49-F238E27FC236}">
                    <a16:creationId xmlns:a16="http://schemas.microsoft.com/office/drawing/2014/main" id="{5A9F9B6B-9531-E547-969B-576C94244E6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26370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69" name="Freeform 144">
                <a:extLst>
                  <a:ext uri="{FF2B5EF4-FFF2-40B4-BE49-F238E27FC236}">
                    <a16:creationId xmlns:a16="http://schemas.microsoft.com/office/drawing/2014/main" id="{B535D9B2-41E8-D349-887B-794CBAFBF68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7808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70" name="Freeform 145">
                <a:extLst>
                  <a:ext uri="{FF2B5EF4-FFF2-40B4-BE49-F238E27FC236}">
                    <a16:creationId xmlns:a16="http://schemas.microsoft.com/office/drawing/2014/main" id="{B8D1C8D6-9FF1-FB49-BCC3-9ED1CD6991D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3767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71" name="Freeform 146">
                <a:extLst>
                  <a:ext uri="{FF2B5EF4-FFF2-40B4-BE49-F238E27FC236}">
                    <a16:creationId xmlns:a16="http://schemas.microsoft.com/office/drawing/2014/main" id="{CF5AFF73-D655-5940-9A06-6C1ADD0772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99011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72" name="Freeform 147">
                <a:extLst>
                  <a:ext uri="{FF2B5EF4-FFF2-40B4-BE49-F238E27FC236}">
                    <a16:creationId xmlns:a16="http://schemas.microsoft.com/office/drawing/2014/main" id="{BE042E49-8341-274E-9A35-84A9BCA3012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37111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73" name="Freeform 148">
                <a:extLst>
                  <a:ext uri="{FF2B5EF4-FFF2-40B4-BE49-F238E27FC236}">
                    <a16:creationId xmlns:a16="http://schemas.microsoft.com/office/drawing/2014/main" id="{8797330F-6CA0-2148-A2F3-A1AADC1A24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71639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74" name="Freeform 149">
                <a:extLst>
                  <a:ext uri="{FF2B5EF4-FFF2-40B4-BE49-F238E27FC236}">
                    <a16:creationId xmlns:a16="http://schemas.microsoft.com/office/drawing/2014/main" id="{9532ECBC-FD39-6B47-A6A8-C4827F646A2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01404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75" name="Freeform 150">
                <a:extLst>
                  <a:ext uri="{FF2B5EF4-FFF2-40B4-BE49-F238E27FC236}">
                    <a16:creationId xmlns:a16="http://schemas.microsoft.com/office/drawing/2014/main" id="{5E4B0026-CEBF-AB41-84AA-8E80B06A60C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00239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76" name="Freeform 151">
                <a:extLst>
                  <a:ext uri="{FF2B5EF4-FFF2-40B4-BE49-F238E27FC236}">
                    <a16:creationId xmlns:a16="http://schemas.microsoft.com/office/drawing/2014/main" id="{083A93BC-BBF7-F545-8B64-4038047502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01442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77" name="Freeform 152">
                <a:extLst>
                  <a:ext uri="{FF2B5EF4-FFF2-40B4-BE49-F238E27FC236}">
                    <a16:creationId xmlns:a16="http://schemas.microsoft.com/office/drawing/2014/main" id="{595C35E8-D005-3246-9730-E26B50B3041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4070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78" name="Freeform 153">
                <a:extLst>
                  <a:ext uri="{FF2B5EF4-FFF2-40B4-BE49-F238E27FC236}">
                    <a16:creationId xmlns:a16="http://schemas.microsoft.com/office/drawing/2014/main" id="{5E7EA121-1AD5-3C43-AADF-9400C6BFEF9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28839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79" name="Freeform 154">
                <a:extLst>
                  <a:ext uri="{FF2B5EF4-FFF2-40B4-BE49-F238E27FC236}">
                    <a16:creationId xmlns:a16="http://schemas.microsoft.com/office/drawing/2014/main" id="{1BD35632-04A0-ED4D-8A81-37A8F2E375B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75273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80" name="Freeform 155">
                <a:extLst>
                  <a:ext uri="{FF2B5EF4-FFF2-40B4-BE49-F238E27FC236}">
                    <a16:creationId xmlns:a16="http://schemas.microsoft.com/office/drawing/2014/main" id="{8B289AFD-1A27-7545-B34C-30F5CAF0BFB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13373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81" name="Freeform 156">
                <a:extLst>
                  <a:ext uri="{FF2B5EF4-FFF2-40B4-BE49-F238E27FC236}">
                    <a16:creationId xmlns:a16="http://schemas.microsoft.com/office/drawing/2014/main" id="{03BF21F3-FA63-D941-AAD6-D73CA50BFDF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46711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82" name="Freeform 157">
                <a:extLst>
                  <a:ext uri="{FF2B5EF4-FFF2-40B4-BE49-F238E27FC236}">
                    <a16:creationId xmlns:a16="http://schemas.microsoft.com/office/drawing/2014/main" id="{9ACDDD8B-69C1-C140-984D-88CE2E5A963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76477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83" name="Freeform 158">
                <a:extLst>
                  <a:ext uri="{FF2B5EF4-FFF2-40B4-BE49-F238E27FC236}">
                    <a16:creationId xmlns:a16="http://schemas.microsoft.com/office/drawing/2014/main" id="{BE056E04-69BC-9649-8E85-E6362F3034D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9008" y="2929136"/>
                <a:ext cx="0" cy="1916906"/>
              </a:xfrm>
              <a:custGeom>
                <a:avLst/>
                <a:gdLst>
                  <a:gd name="T0" fmla="*/ 1611 h 1611"/>
                  <a:gd name="T1" fmla="*/ 1611 h 1611"/>
                  <a:gd name="T2" fmla="*/ 0 h 161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611">
                    <a:moveTo>
                      <a:pt x="0" y="1611"/>
                    </a:moveTo>
                    <a:lnTo>
                      <a:pt x="0" y="1611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84" name="Freeform 159">
                <a:extLst>
                  <a:ext uri="{FF2B5EF4-FFF2-40B4-BE49-F238E27FC236}">
                    <a16:creationId xmlns:a16="http://schemas.microsoft.com/office/drawing/2014/main" id="{CD6511A0-1047-9847-ABA9-3BD503A6D66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9008" y="4846042"/>
                <a:ext cx="41672" cy="0"/>
              </a:xfrm>
              <a:custGeom>
                <a:avLst/>
                <a:gdLst>
                  <a:gd name="T0" fmla="*/ 0 w 35"/>
                  <a:gd name="T1" fmla="*/ 0 w 35"/>
                  <a:gd name="T2" fmla="*/ 35 w 35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</a:cxnLst>
                <a:rect l="0" t="0" r="r" b="b"/>
                <a:pathLst>
                  <a:path w="35">
                    <a:moveTo>
                      <a:pt x="0" y="0"/>
                    </a:moveTo>
                    <a:lnTo>
                      <a:pt x="0" y="0"/>
                    </a:lnTo>
                    <a:lnTo>
                      <a:pt x="35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85" name="Freeform 160">
                <a:extLst>
                  <a:ext uri="{FF2B5EF4-FFF2-40B4-BE49-F238E27FC236}">
                    <a16:creationId xmlns:a16="http://schemas.microsoft.com/office/drawing/2014/main" id="{8CAC4613-8873-774F-AAE5-520A2A14F20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9008" y="4366221"/>
                <a:ext cx="41672" cy="0"/>
              </a:xfrm>
              <a:custGeom>
                <a:avLst/>
                <a:gdLst>
                  <a:gd name="T0" fmla="*/ 0 w 35"/>
                  <a:gd name="T1" fmla="*/ 0 w 35"/>
                  <a:gd name="T2" fmla="*/ 35 w 35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</a:cxnLst>
                <a:rect l="0" t="0" r="r" b="b"/>
                <a:pathLst>
                  <a:path w="35">
                    <a:moveTo>
                      <a:pt x="0" y="0"/>
                    </a:moveTo>
                    <a:lnTo>
                      <a:pt x="0" y="0"/>
                    </a:lnTo>
                    <a:lnTo>
                      <a:pt x="35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86" name="Freeform 161">
                <a:extLst>
                  <a:ext uri="{FF2B5EF4-FFF2-40B4-BE49-F238E27FC236}">
                    <a16:creationId xmlns:a16="http://schemas.microsoft.com/office/drawing/2014/main" id="{5E5E30B8-7A73-4049-B52C-E05E3030BA2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9008" y="3887590"/>
                <a:ext cx="41672" cy="0"/>
              </a:xfrm>
              <a:custGeom>
                <a:avLst/>
                <a:gdLst>
                  <a:gd name="T0" fmla="*/ 0 w 35"/>
                  <a:gd name="T1" fmla="*/ 0 w 35"/>
                  <a:gd name="T2" fmla="*/ 35 w 35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</a:cxnLst>
                <a:rect l="0" t="0" r="r" b="b"/>
                <a:pathLst>
                  <a:path w="35">
                    <a:moveTo>
                      <a:pt x="0" y="0"/>
                    </a:moveTo>
                    <a:lnTo>
                      <a:pt x="0" y="0"/>
                    </a:lnTo>
                    <a:lnTo>
                      <a:pt x="35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87" name="Freeform 162">
                <a:extLst>
                  <a:ext uri="{FF2B5EF4-FFF2-40B4-BE49-F238E27FC236}">
                    <a16:creationId xmlns:a16="http://schemas.microsoft.com/office/drawing/2014/main" id="{1750F9D4-F4FF-B146-8768-999FEBB66F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9008" y="3408958"/>
                <a:ext cx="41672" cy="0"/>
              </a:xfrm>
              <a:custGeom>
                <a:avLst/>
                <a:gdLst>
                  <a:gd name="T0" fmla="*/ 0 w 35"/>
                  <a:gd name="T1" fmla="*/ 0 w 35"/>
                  <a:gd name="T2" fmla="*/ 35 w 35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</a:cxnLst>
                <a:rect l="0" t="0" r="r" b="b"/>
                <a:pathLst>
                  <a:path w="35">
                    <a:moveTo>
                      <a:pt x="0" y="0"/>
                    </a:moveTo>
                    <a:lnTo>
                      <a:pt x="0" y="0"/>
                    </a:lnTo>
                    <a:lnTo>
                      <a:pt x="35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88" name="Freeform 163">
                <a:extLst>
                  <a:ext uri="{FF2B5EF4-FFF2-40B4-BE49-F238E27FC236}">
                    <a16:creationId xmlns:a16="http://schemas.microsoft.com/office/drawing/2014/main" id="{B8704C89-681D-6544-BE17-D27368FBCA6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9008" y="2929136"/>
                <a:ext cx="41672" cy="0"/>
              </a:xfrm>
              <a:custGeom>
                <a:avLst/>
                <a:gdLst>
                  <a:gd name="T0" fmla="*/ 0 w 35"/>
                  <a:gd name="T1" fmla="*/ 0 w 35"/>
                  <a:gd name="T2" fmla="*/ 35 w 35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</a:cxnLst>
                <a:rect l="0" t="0" r="r" b="b"/>
                <a:pathLst>
                  <a:path w="35">
                    <a:moveTo>
                      <a:pt x="0" y="0"/>
                    </a:moveTo>
                    <a:lnTo>
                      <a:pt x="0" y="0"/>
                    </a:lnTo>
                    <a:lnTo>
                      <a:pt x="35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89" name="Freeform 164">
                <a:extLst>
                  <a:ext uri="{FF2B5EF4-FFF2-40B4-BE49-F238E27FC236}">
                    <a16:creationId xmlns:a16="http://schemas.microsoft.com/office/drawing/2014/main" id="{15977A03-7536-D644-B3A7-135202B0CAC0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951135" y="4866283"/>
                <a:ext cx="79772" cy="53579"/>
              </a:xfrm>
              <a:custGeom>
                <a:avLst/>
                <a:gdLst>
                  <a:gd name="T0" fmla="*/ 0 w 67"/>
                  <a:gd name="T1" fmla="*/ 23 h 45"/>
                  <a:gd name="T2" fmla="*/ 0 w 67"/>
                  <a:gd name="T3" fmla="*/ 23 h 45"/>
                  <a:gd name="T4" fmla="*/ 10 w 67"/>
                  <a:gd name="T5" fmla="*/ 4 h 45"/>
                  <a:gd name="T6" fmla="*/ 32 w 67"/>
                  <a:gd name="T7" fmla="*/ 0 h 45"/>
                  <a:gd name="T8" fmla="*/ 54 w 67"/>
                  <a:gd name="T9" fmla="*/ 4 h 45"/>
                  <a:gd name="T10" fmla="*/ 67 w 67"/>
                  <a:gd name="T11" fmla="*/ 23 h 45"/>
                  <a:gd name="T12" fmla="*/ 56 w 67"/>
                  <a:gd name="T13" fmla="*/ 40 h 45"/>
                  <a:gd name="T14" fmla="*/ 34 w 67"/>
                  <a:gd name="T15" fmla="*/ 45 h 45"/>
                  <a:gd name="T16" fmla="*/ 15 w 67"/>
                  <a:gd name="T17" fmla="*/ 42 h 45"/>
                  <a:gd name="T18" fmla="*/ 0 w 67"/>
                  <a:gd name="T19" fmla="*/ 23 h 45"/>
                  <a:gd name="T20" fmla="*/ 0 w 67"/>
                  <a:gd name="T21" fmla="*/ 23 h 45"/>
                  <a:gd name="T22" fmla="*/ 59 w 67"/>
                  <a:gd name="T23" fmla="*/ 23 h 45"/>
                  <a:gd name="T24" fmla="*/ 59 w 67"/>
                  <a:gd name="T25" fmla="*/ 23 h 45"/>
                  <a:gd name="T26" fmla="*/ 54 w 67"/>
                  <a:gd name="T27" fmla="*/ 13 h 45"/>
                  <a:gd name="T28" fmla="*/ 33 w 67"/>
                  <a:gd name="T29" fmla="*/ 9 h 45"/>
                  <a:gd name="T30" fmla="*/ 14 w 67"/>
                  <a:gd name="T31" fmla="*/ 12 h 45"/>
                  <a:gd name="T32" fmla="*/ 7 w 67"/>
                  <a:gd name="T33" fmla="*/ 22 h 45"/>
                  <a:gd name="T34" fmla="*/ 14 w 67"/>
                  <a:gd name="T35" fmla="*/ 33 h 45"/>
                  <a:gd name="T36" fmla="*/ 34 w 67"/>
                  <a:gd name="T37" fmla="*/ 36 h 45"/>
                  <a:gd name="T38" fmla="*/ 50 w 67"/>
                  <a:gd name="T39" fmla="*/ 34 h 45"/>
                  <a:gd name="T40" fmla="*/ 59 w 67"/>
                  <a:gd name="T41" fmla="*/ 23 h 45"/>
                  <a:gd name="T42" fmla="*/ 59 w 67"/>
                  <a:gd name="T43" fmla="*/ 23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</a:cxnLst>
                <a:rect l="0" t="0" r="r" b="b"/>
                <a:pathLst>
                  <a:path w="67" h="45">
                    <a:moveTo>
                      <a:pt x="0" y="23"/>
                    </a:moveTo>
                    <a:lnTo>
                      <a:pt x="0" y="23"/>
                    </a:lnTo>
                    <a:cubicBezTo>
                      <a:pt x="0" y="14"/>
                      <a:pt x="3" y="8"/>
                      <a:pt x="10" y="4"/>
                    </a:cubicBezTo>
                    <a:cubicBezTo>
                      <a:pt x="16" y="1"/>
                      <a:pt x="23" y="0"/>
                      <a:pt x="32" y="0"/>
                    </a:cubicBezTo>
                    <a:cubicBezTo>
                      <a:pt x="41" y="0"/>
                      <a:pt x="48" y="1"/>
                      <a:pt x="54" y="4"/>
                    </a:cubicBezTo>
                    <a:cubicBezTo>
                      <a:pt x="62" y="8"/>
                      <a:pt x="67" y="14"/>
                      <a:pt x="67" y="23"/>
                    </a:cubicBezTo>
                    <a:cubicBezTo>
                      <a:pt x="67" y="30"/>
                      <a:pt x="63" y="36"/>
                      <a:pt x="56" y="40"/>
                    </a:cubicBezTo>
                    <a:cubicBezTo>
                      <a:pt x="51" y="43"/>
                      <a:pt x="43" y="45"/>
                      <a:pt x="34" y="45"/>
                    </a:cubicBezTo>
                    <a:cubicBezTo>
                      <a:pt x="26" y="45"/>
                      <a:pt x="20" y="44"/>
                      <a:pt x="15" y="42"/>
                    </a:cubicBezTo>
                    <a:cubicBezTo>
                      <a:pt x="5" y="38"/>
                      <a:pt x="0" y="32"/>
                      <a:pt x="0" y="23"/>
                    </a:cubicBezTo>
                    <a:lnTo>
                      <a:pt x="0" y="23"/>
                    </a:lnTo>
                    <a:close/>
                    <a:moveTo>
                      <a:pt x="59" y="23"/>
                    </a:moveTo>
                    <a:lnTo>
                      <a:pt x="59" y="23"/>
                    </a:lnTo>
                    <a:cubicBezTo>
                      <a:pt x="59" y="18"/>
                      <a:pt x="57" y="15"/>
                      <a:pt x="54" y="13"/>
                    </a:cubicBezTo>
                    <a:cubicBezTo>
                      <a:pt x="50" y="10"/>
                      <a:pt x="43" y="9"/>
                      <a:pt x="33" y="9"/>
                    </a:cubicBezTo>
                    <a:cubicBezTo>
                      <a:pt x="25" y="9"/>
                      <a:pt x="19" y="10"/>
                      <a:pt x="14" y="12"/>
                    </a:cubicBezTo>
                    <a:cubicBezTo>
                      <a:pt x="10" y="13"/>
                      <a:pt x="7" y="17"/>
                      <a:pt x="7" y="22"/>
                    </a:cubicBezTo>
                    <a:cubicBezTo>
                      <a:pt x="7" y="27"/>
                      <a:pt x="9" y="30"/>
                      <a:pt x="14" y="33"/>
                    </a:cubicBezTo>
                    <a:cubicBezTo>
                      <a:pt x="18" y="35"/>
                      <a:pt x="25" y="36"/>
                      <a:pt x="34" y="36"/>
                    </a:cubicBezTo>
                    <a:cubicBezTo>
                      <a:pt x="41" y="36"/>
                      <a:pt x="46" y="35"/>
                      <a:pt x="50" y="34"/>
                    </a:cubicBezTo>
                    <a:cubicBezTo>
                      <a:pt x="56" y="32"/>
                      <a:pt x="59" y="28"/>
                      <a:pt x="59" y="23"/>
                    </a:cubicBezTo>
                    <a:lnTo>
                      <a:pt x="59" y="23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90" name="Freeform 165">
                <a:extLst>
                  <a:ext uri="{FF2B5EF4-FFF2-40B4-BE49-F238E27FC236}">
                    <a16:creationId xmlns:a16="http://schemas.microsoft.com/office/drawing/2014/main" id="{8AB66396-E215-C245-8807-5637D410FD5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16620" y="4840090"/>
                <a:ext cx="11906" cy="11906"/>
              </a:xfrm>
              <a:custGeom>
                <a:avLst/>
                <a:gdLst>
                  <a:gd name="T0" fmla="*/ 0 w 10"/>
                  <a:gd name="T1" fmla="*/ 10 h 10"/>
                  <a:gd name="T2" fmla="*/ 0 w 10"/>
                  <a:gd name="T3" fmla="*/ 10 h 10"/>
                  <a:gd name="T4" fmla="*/ 0 w 10"/>
                  <a:gd name="T5" fmla="*/ 0 h 10"/>
                  <a:gd name="T6" fmla="*/ 10 w 10"/>
                  <a:gd name="T7" fmla="*/ 0 h 10"/>
                  <a:gd name="T8" fmla="*/ 10 w 10"/>
                  <a:gd name="T9" fmla="*/ 10 h 10"/>
                  <a:gd name="T10" fmla="*/ 0 w 10"/>
                  <a:gd name="T11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0" h="10">
                    <a:moveTo>
                      <a:pt x="0" y="10"/>
                    </a:moveTo>
                    <a:lnTo>
                      <a:pt x="0" y="10"/>
                    </a:lnTo>
                    <a:lnTo>
                      <a:pt x="0" y="0"/>
                    </a:lnTo>
                    <a:lnTo>
                      <a:pt x="10" y="0"/>
                    </a:lnTo>
                    <a:lnTo>
                      <a:pt x="10" y="10"/>
                    </a:lnTo>
                    <a:lnTo>
                      <a:pt x="0" y="10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91" name="Freeform 166">
                <a:extLst>
                  <a:ext uri="{FF2B5EF4-FFF2-40B4-BE49-F238E27FC236}">
                    <a16:creationId xmlns:a16="http://schemas.microsoft.com/office/drawing/2014/main" id="{87CEAA17-B981-CA40-B9DB-479E9358DAA3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951135" y="4773415"/>
                <a:ext cx="79772" cy="53579"/>
              </a:xfrm>
              <a:custGeom>
                <a:avLst/>
                <a:gdLst>
                  <a:gd name="T0" fmla="*/ 0 w 67"/>
                  <a:gd name="T1" fmla="*/ 23 h 45"/>
                  <a:gd name="T2" fmla="*/ 0 w 67"/>
                  <a:gd name="T3" fmla="*/ 23 h 45"/>
                  <a:gd name="T4" fmla="*/ 10 w 67"/>
                  <a:gd name="T5" fmla="*/ 5 h 45"/>
                  <a:gd name="T6" fmla="*/ 32 w 67"/>
                  <a:gd name="T7" fmla="*/ 0 h 45"/>
                  <a:gd name="T8" fmla="*/ 54 w 67"/>
                  <a:gd name="T9" fmla="*/ 4 h 45"/>
                  <a:gd name="T10" fmla="*/ 67 w 67"/>
                  <a:gd name="T11" fmla="*/ 23 h 45"/>
                  <a:gd name="T12" fmla="*/ 56 w 67"/>
                  <a:gd name="T13" fmla="*/ 40 h 45"/>
                  <a:gd name="T14" fmla="*/ 34 w 67"/>
                  <a:gd name="T15" fmla="*/ 45 h 45"/>
                  <a:gd name="T16" fmla="*/ 15 w 67"/>
                  <a:gd name="T17" fmla="*/ 42 h 45"/>
                  <a:gd name="T18" fmla="*/ 0 w 67"/>
                  <a:gd name="T19" fmla="*/ 23 h 45"/>
                  <a:gd name="T20" fmla="*/ 0 w 67"/>
                  <a:gd name="T21" fmla="*/ 23 h 45"/>
                  <a:gd name="T22" fmla="*/ 59 w 67"/>
                  <a:gd name="T23" fmla="*/ 23 h 45"/>
                  <a:gd name="T24" fmla="*/ 59 w 67"/>
                  <a:gd name="T25" fmla="*/ 23 h 45"/>
                  <a:gd name="T26" fmla="*/ 54 w 67"/>
                  <a:gd name="T27" fmla="*/ 13 h 45"/>
                  <a:gd name="T28" fmla="*/ 33 w 67"/>
                  <a:gd name="T29" fmla="*/ 9 h 45"/>
                  <a:gd name="T30" fmla="*/ 14 w 67"/>
                  <a:gd name="T31" fmla="*/ 12 h 45"/>
                  <a:gd name="T32" fmla="*/ 7 w 67"/>
                  <a:gd name="T33" fmla="*/ 22 h 45"/>
                  <a:gd name="T34" fmla="*/ 14 w 67"/>
                  <a:gd name="T35" fmla="*/ 33 h 45"/>
                  <a:gd name="T36" fmla="*/ 34 w 67"/>
                  <a:gd name="T37" fmla="*/ 36 h 45"/>
                  <a:gd name="T38" fmla="*/ 50 w 67"/>
                  <a:gd name="T39" fmla="*/ 34 h 45"/>
                  <a:gd name="T40" fmla="*/ 59 w 67"/>
                  <a:gd name="T41" fmla="*/ 23 h 45"/>
                  <a:gd name="T42" fmla="*/ 59 w 67"/>
                  <a:gd name="T43" fmla="*/ 23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</a:cxnLst>
                <a:rect l="0" t="0" r="r" b="b"/>
                <a:pathLst>
                  <a:path w="67" h="45">
                    <a:moveTo>
                      <a:pt x="0" y="23"/>
                    </a:moveTo>
                    <a:lnTo>
                      <a:pt x="0" y="23"/>
                    </a:lnTo>
                    <a:cubicBezTo>
                      <a:pt x="0" y="14"/>
                      <a:pt x="3" y="8"/>
                      <a:pt x="10" y="5"/>
                    </a:cubicBezTo>
                    <a:cubicBezTo>
                      <a:pt x="16" y="2"/>
                      <a:pt x="23" y="0"/>
                      <a:pt x="32" y="0"/>
                    </a:cubicBezTo>
                    <a:cubicBezTo>
                      <a:pt x="41" y="0"/>
                      <a:pt x="48" y="2"/>
                      <a:pt x="54" y="4"/>
                    </a:cubicBezTo>
                    <a:cubicBezTo>
                      <a:pt x="62" y="8"/>
                      <a:pt x="67" y="14"/>
                      <a:pt x="67" y="23"/>
                    </a:cubicBezTo>
                    <a:cubicBezTo>
                      <a:pt x="67" y="31"/>
                      <a:pt x="63" y="36"/>
                      <a:pt x="56" y="40"/>
                    </a:cubicBezTo>
                    <a:cubicBezTo>
                      <a:pt x="51" y="43"/>
                      <a:pt x="43" y="45"/>
                      <a:pt x="34" y="45"/>
                    </a:cubicBezTo>
                    <a:cubicBezTo>
                      <a:pt x="26" y="45"/>
                      <a:pt x="20" y="44"/>
                      <a:pt x="15" y="42"/>
                    </a:cubicBezTo>
                    <a:cubicBezTo>
                      <a:pt x="5" y="39"/>
                      <a:pt x="0" y="32"/>
                      <a:pt x="0" y="23"/>
                    </a:cubicBezTo>
                    <a:lnTo>
                      <a:pt x="0" y="23"/>
                    </a:lnTo>
                    <a:close/>
                    <a:moveTo>
                      <a:pt x="59" y="23"/>
                    </a:moveTo>
                    <a:lnTo>
                      <a:pt x="59" y="23"/>
                    </a:lnTo>
                    <a:cubicBezTo>
                      <a:pt x="59" y="19"/>
                      <a:pt x="57" y="15"/>
                      <a:pt x="54" y="13"/>
                    </a:cubicBezTo>
                    <a:cubicBezTo>
                      <a:pt x="50" y="10"/>
                      <a:pt x="43" y="9"/>
                      <a:pt x="33" y="9"/>
                    </a:cubicBezTo>
                    <a:cubicBezTo>
                      <a:pt x="25" y="9"/>
                      <a:pt x="19" y="10"/>
                      <a:pt x="14" y="12"/>
                    </a:cubicBezTo>
                    <a:cubicBezTo>
                      <a:pt x="10" y="14"/>
                      <a:pt x="7" y="17"/>
                      <a:pt x="7" y="22"/>
                    </a:cubicBezTo>
                    <a:cubicBezTo>
                      <a:pt x="7" y="27"/>
                      <a:pt x="9" y="31"/>
                      <a:pt x="14" y="33"/>
                    </a:cubicBezTo>
                    <a:cubicBezTo>
                      <a:pt x="18" y="35"/>
                      <a:pt x="25" y="36"/>
                      <a:pt x="34" y="36"/>
                    </a:cubicBezTo>
                    <a:cubicBezTo>
                      <a:pt x="41" y="36"/>
                      <a:pt x="46" y="35"/>
                      <a:pt x="50" y="34"/>
                    </a:cubicBezTo>
                    <a:cubicBezTo>
                      <a:pt x="56" y="32"/>
                      <a:pt x="59" y="28"/>
                      <a:pt x="59" y="23"/>
                    </a:cubicBezTo>
                    <a:lnTo>
                      <a:pt x="59" y="23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92" name="Freeform 167">
                <a:extLst>
                  <a:ext uri="{FF2B5EF4-FFF2-40B4-BE49-F238E27FC236}">
                    <a16:creationId xmlns:a16="http://schemas.microsoft.com/office/drawing/2014/main" id="{4458D2D8-B473-E046-885B-634B14F7242B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951135" y="4386461"/>
                <a:ext cx="79772" cy="53579"/>
              </a:xfrm>
              <a:custGeom>
                <a:avLst/>
                <a:gdLst>
                  <a:gd name="T0" fmla="*/ 0 w 67"/>
                  <a:gd name="T1" fmla="*/ 23 h 45"/>
                  <a:gd name="T2" fmla="*/ 0 w 67"/>
                  <a:gd name="T3" fmla="*/ 23 h 45"/>
                  <a:gd name="T4" fmla="*/ 10 w 67"/>
                  <a:gd name="T5" fmla="*/ 5 h 45"/>
                  <a:gd name="T6" fmla="*/ 32 w 67"/>
                  <a:gd name="T7" fmla="*/ 0 h 45"/>
                  <a:gd name="T8" fmla="*/ 54 w 67"/>
                  <a:gd name="T9" fmla="*/ 4 h 45"/>
                  <a:gd name="T10" fmla="*/ 67 w 67"/>
                  <a:gd name="T11" fmla="*/ 23 h 45"/>
                  <a:gd name="T12" fmla="*/ 56 w 67"/>
                  <a:gd name="T13" fmla="*/ 40 h 45"/>
                  <a:gd name="T14" fmla="*/ 34 w 67"/>
                  <a:gd name="T15" fmla="*/ 45 h 45"/>
                  <a:gd name="T16" fmla="*/ 15 w 67"/>
                  <a:gd name="T17" fmla="*/ 42 h 45"/>
                  <a:gd name="T18" fmla="*/ 0 w 67"/>
                  <a:gd name="T19" fmla="*/ 23 h 45"/>
                  <a:gd name="T20" fmla="*/ 0 w 67"/>
                  <a:gd name="T21" fmla="*/ 23 h 45"/>
                  <a:gd name="T22" fmla="*/ 59 w 67"/>
                  <a:gd name="T23" fmla="*/ 23 h 45"/>
                  <a:gd name="T24" fmla="*/ 59 w 67"/>
                  <a:gd name="T25" fmla="*/ 23 h 45"/>
                  <a:gd name="T26" fmla="*/ 54 w 67"/>
                  <a:gd name="T27" fmla="*/ 13 h 45"/>
                  <a:gd name="T28" fmla="*/ 33 w 67"/>
                  <a:gd name="T29" fmla="*/ 9 h 45"/>
                  <a:gd name="T30" fmla="*/ 14 w 67"/>
                  <a:gd name="T31" fmla="*/ 12 h 45"/>
                  <a:gd name="T32" fmla="*/ 7 w 67"/>
                  <a:gd name="T33" fmla="*/ 22 h 45"/>
                  <a:gd name="T34" fmla="*/ 14 w 67"/>
                  <a:gd name="T35" fmla="*/ 33 h 45"/>
                  <a:gd name="T36" fmla="*/ 34 w 67"/>
                  <a:gd name="T37" fmla="*/ 36 h 45"/>
                  <a:gd name="T38" fmla="*/ 50 w 67"/>
                  <a:gd name="T39" fmla="*/ 34 h 45"/>
                  <a:gd name="T40" fmla="*/ 59 w 67"/>
                  <a:gd name="T41" fmla="*/ 23 h 45"/>
                  <a:gd name="T42" fmla="*/ 59 w 67"/>
                  <a:gd name="T43" fmla="*/ 23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</a:cxnLst>
                <a:rect l="0" t="0" r="r" b="b"/>
                <a:pathLst>
                  <a:path w="67" h="45">
                    <a:moveTo>
                      <a:pt x="0" y="23"/>
                    </a:moveTo>
                    <a:lnTo>
                      <a:pt x="0" y="23"/>
                    </a:lnTo>
                    <a:cubicBezTo>
                      <a:pt x="0" y="15"/>
                      <a:pt x="3" y="8"/>
                      <a:pt x="10" y="5"/>
                    </a:cubicBezTo>
                    <a:cubicBezTo>
                      <a:pt x="16" y="2"/>
                      <a:pt x="23" y="0"/>
                      <a:pt x="32" y="0"/>
                    </a:cubicBezTo>
                    <a:cubicBezTo>
                      <a:pt x="41" y="0"/>
                      <a:pt x="48" y="2"/>
                      <a:pt x="54" y="4"/>
                    </a:cubicBezTo>
                    <a:cubicBezTo>
                      <a:pt x="62" y="8"/>
                      <a:pt x="67" y="14"/>
                      <a:pt x="67" y="23"/>
                    </a:cubicBezTo>
                    <a:cubicBezTo>
                      <a:pt x="67" y="31"/>
                      <a:pt x="63" y="37"/>
                      <a:pt x="56" y="40"/>
                    </a:cubicBezTo>
                    <a:cubicBezTo>
                      <a:pt x="51" y="44"/>
                      <a:pt x="43" y="45"/>
                      <a:pt x="34" y="45"/>
                    </a:cubicBezTo>
                    <a:cubicBezTo>
                      <a:pt x="26" y="45"/>
                      <a:pt x="20" y="44"/>
                      <a:pt x="15" y="42"/>
                    </a:cubicBezTo>
                    <a:cubicBezTo>
                      <a:pt x="5" y="39"/>
                      <a:pt x="0" y="32"/>
                      <a:pt x="0" y="23"/>
                    </a:cubicBezTo>
                    <a:lnTo>
                      <a:pt x="0" y="23"/>
                    </a:lnTo>
                    <a:close/>
                    <a:moveTo>
                      <a:pt x="59" y="23"/>
                    </a:moveTo>
                    <a:lnTo>
                      <a:pt x="59" y="23"/>
                    </a:lnTo>
                    <a:cubicBezTo>
                      <a:pt x="59" y="19"/>
                      <a:pt x="57" y="15"/>
                      <a:pt x="54" y="13"/>
                    </a:cubicBezTo>
                    <a:cubicBezTo>
                      <a:pt x="50" y="10"/>
                      <a:pt x="43" y="9"/>
                      <a:pt x="33" y="9"/>
                    </a:cubicBezTo>
                    <a:cubicBezTo>
                      <a:pt x="25" y="9"/>
                      <a:pt x="19" y="10"/>
                      <a:pt x="14" y="12"/>
                    </a:cubicBezTo>
                    <a:cubicBezTo>
                      <a:pt x="10" y="14"/>
                      <a:pt x="7" y="17"/>
                      <a:pt x="7" y="22"/>
                    </a:cubicBezTo>
                    <a:cubicBezTo>
                      <a:pt x="7" y="27"/>
                      <a:pt x="9" y="31"/>
                      <a:pt x="14" y="33"/>
                    </a:cubicBezTo>
                    <a:cubicBezTo>
                      <a:pt x="18" y="35"/>
                      <a:pt x="25" y="36"/>
                      <a:pt x="34" y="36"/>
                    </a:cubicBezTo>
                    <a:cubicBezTo>
                      <a:pt x="41" y="36"/>
                      <a:pt x="46" y="36"/>
                      <a:pt x="50" y="34"/>
                    </a:cubicBezTo>
                    <a:cubicBezTo>
                      <a:pt x="56" y="32"/>
                      <a:pt x="59" y="28"/>
                      <a:pt x="59" y="23"/>
                    </a:cubicBezTo>
                    <a:lnTo>
                      <a:pt x="59" y="23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93" name="Freeform 168">
                <a:extLst>
                  <a:ext uri="{FF2B5EF4-FFF2-40B4-BE49-F238E27FC236}">
                    <a16:creationId xmlns:a16="http://schemas.microsoft.com/office/drawing/2014/main" id="{36BA7409-C73D-9D4C-91AA-05004513651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16620" y="4361458"/>
                <a:ext cx="11906" cy="10716"/>
              </a:xfrm>
              <a:custGeom>
                <a:avLst/>
                <a:gdLst>
                  <a:gd name="T0" fmla="*/ 0 w 10"/>
                  <a:gd name="T1" fmla="*/ 9 h 9"/>
                  <a:gd name="T2" fmla="*/ 0 w 10"/>
                  <a:gd name="T3" fmla="*/ 9 h 9"/>
                  <a:gd name="T4" fmla="*/ 0 w 10"/>
                  <a:gd name="T5" fmla="*/ 0 h 9"/>
                  <a:gd name="T6" fmla="*/ 10 w 10"/>
                  <a:gd name="T7" fmla="*/ 0 h 9"/>
                  <a:gd name="T8" fmla="*/ 10 w 10"/>
                  <a:gd name="T9" fmla="*/ 9 h 9"/>
                  <a:gd name="T10" fmla="*/ 0 w 10"/>
                  <a:gd name="T11" fmla="*/ 9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0" h="9">
                    <a:moveTo>
                      <a:pt x="0" y="9"/>
                    </a:moveTo>
                    <a:lnTo>
                      <a:pt x="0" y="9"/>
                    </a:lnTo>
                    <a:lnTo>
                      <a:pt x="0" y="0"/>
                    </a:lnTo>
                    <a:lnTo>
                      <a:pt x="10" y="0"/>
                    </a:lnTo>
                    <a:lnTo>
                      <a:pt x="10" y="9"/>
                    </a:lnTo>
                    <a:lnTo>
                      <a:pt x="0" y="9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94" name="Freeform 169">
                <a:extLst>
                  <a:ext uri="{FF2B5EF4-FFF2-40B4-BE49-F238E27FC236}">
                    <a16:creationId xmlns:a16="http://schemas.microsoft.com/office/drawing/2014/main" id="{02CEFD5B-4513-8342-BC87-EC8ED98D2EF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51135" y="4293592"/>
                <a:ext cx="77391" cy="53579"/>
              </a:xfrm>
              <a:custGeom>
                <a:avLst/>
                <a:gdLst>
                  <a:gd name="T0" fmla="*/ 65 w 65"/>
                  <a:gd name="T1" fmla="*/ 45 h 45"/>
                  <a:gd name="T2" fmla="*/ 65 w 65"/>
                  <a:gd name="T3" fmla="*/ 45 h 45"/>
                  <a:gd name="T4" fmla="*/ 50 w 65"/>
                  <a:gd name="T5" fmla="*/ 42 h 45"/>
                  <a:gd name="T6" fmla="*/ 39 w 65"/>
                  <a:gd name="T7" fmla="*/ 30 h 45"/>
                  <a:gd name="T8" fmla="*/ 34 w 65"/>
                  <a:gd name="T9" fmla="*/ 21 h 45"/>
                  <a:gd name="T10" fmla="*/ 28 w 65"/>
                  <a:gd name="T11" fmla="*/ 13 h 45"/>
                  <a:gd name="T12" fmla="*/ 19 w 65"/>
                  <a:gd name="T13" fmla="*/ 9 h 45"/>
                  <a:gd name="T14" fmla="*/ 10 w 65"/>
                  <a:gd name="T15" fmla="*/ 13 h 45"/>
                  <a:gd name="T16" fmla="*/ 7 w 65"/>
                  <a:gd name="T17" fmla="*/ 22 h 45"/>
                  <a:gd name="T18" fmla="*/ 13 w 65"/>
                  <a:gd name="T19" fmla="*/ 34 h 45"/>
                  <a:gd name="T20" fmla="*/ 23 w 65"/>
                  <a:gd name="T21" fmla="*/ 35 h 45"/>
                  <a:gd name="T22" fmla="*/ 23 w 65"/>
                  <a:gd name="T23" fmla="*/ 44 h 45"/>
                  <a:gd name="T24" fmla="*/ 9 w 65"/>
                  <a:gd name="T25" fmla="*/ 41 h 45"/>
                  <a:gd name="T26" fmla="*/ 0 w 65"/>
                  <a:gd name="T27" fmla="*/ 22 h 45"/>
                  <a:gd name="T28" fmla="*/ 6 w 65"/>
                  <a:gd name="T29" fmla="*/ 6 h 45"/>
                  <a:gd name="T30" fmla="*/ 19 w 65"/>
                  <a:gd name="T31" fmla="*/ 0 h 45"/>
                  <a:gd name="T32" fmla="*/ 32 w 65"/>
                  <a:gd name="T33" fmla="*/ 6 h 45"/>
                  <a:gd name="T34" fmla="*/ 40 w 65"/>
                  <a:gd name="T35" fmla="*/ 17 h 45"/>
                  <a:gd name="T36" fmla="*/ 44 w 65"/>
                  <a:gd name="T37" fmla="*/ 24 h 45"/>
                  <a:gd name="T38" fmla="*/ 48 w 65"/>
                  <a:gd name="T39" fmla="*/ 31 h 45"/>
                  <a:gd name="T40" fmla="*/ 57 w 65"/>
                  <a:gd name="T41" fmla="*/ 36 h 45"/>
                  <a:gd name="T42" fmla="*/ 57 w 65"/>
                  <a:gd name="T43" fmla="*/ 1 h 45"/>
                  <a:gd name="T44" fmla="*/ 65 w 65"/>
                  <a:gd name="T45" fmla="*/ 1 h 45"/>
                  <a:gd name="T46" fmla="*/ 65 w 65"/>
                  <a:gd name="T47" fmla="*/ 45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</a:cxnLst>
                <a:rect l="0" t="0" r="r" b="b"/>
                <a:pathLst>
                  <a:path w="65" h="45">
                    <a:moveTo>
                      <a:pt x="65" y="45"/>
                    </a:moveTo>
                    <a:lnTo>
                      <a:pt x="65" y="45"/>
                    </a:lnTo>
                    <a:cubicBezTo>
                      <a:pt x="59" y="45"/>
                      <a:pt x="54" y="44"/>
                      <a:pt x="50" y="42"/>
                    </a:cubicBezTo>
                    <a:cubicBezTo>
                      <a:pt x="46" y="40"/>
                      <a:pt x="42" y="36"/>
                      <a:pt x="39" y="30"/>
                    </a:cubicBezTo>
                    <a:lnTo>
                      <a:pt x="34" y="21"/>
                    </a:lnTo>
                    <a:cubicBezTo>
                      <a:pt x="32" y="18"/>
                      <a:pt x="30" y="15"/>
                      <a:pt x="28" y="13"/>
                    </a:cubicBezTo>
                    <a:cubicBezTo>
                      <a:pt x="26" y="11"/>
                      <a:pt x="23" y="9"/>
                      <a:pt x="19" y="9"/>
                    </a:cubicBezTo>
                    <a:cubicBezTo>
                      <a:pt x="16" y="9"/>
                      <a:pt x="13" y="11"/>
                      <a:pt x="10" y="13"/>
                    </a:cubicBezTo>
                    <a:cubicBezTo>
                      <a:pt x="8" y="15"/>
                      <a:pt x="7" y="18"/>
                      <a:pt x="7" y="22"/>
                    </a:cubicBezTo>
                    <a:cubicBezTo>
                      <a:pt x="7" y="28"/>
                      <a:pt x="9" y="31"/>
                      <a:pt x="13" y="34"/>
                    </a:cubicBezTo>
                    <a:cubicBezTo>
                      <a:pt x="16" y="35"/>
                      <a:pt x="19" y="35"/>
                      <a:pt x="23" y="35"/>
                    </a:cubicBezTo>
                    <a:lnTo>
                      <a:pt x="23" y="44"/>
                    </a:lnTo>
                    <a:cubicBezTo>
                      <a:pt x="17" y="44"/>
                      <a:pt x="13" y="43"/>
                      <a:pt x="9" y="41"/>
                    </a:cubicBezTo>
                    <a:cubicBezTo>
                      <a:pt x="3" y="37"/>
                      <a:pt x="0" y="31"/>
                      <a:pt x="0" y="22"/>
                    </a:cubicBezTo>
                    <a:cubicBezTo>
                      <a:pt x="0" y="14"/>
                      <a:pt x="2" y="9"/>
                      <a:pt x="6" y="6"/>
                    </a:cubicBezTo>
                    <a:cubicBezTo>
                      <a:pt x="10" y="2"/>
                      <a:pt x="14" y="0"/>
                      <a:pt x="19" y="0"/>
                    </a:cubicBezTo>
                    <a:cubicBezTo>
                      <a:pt x="24" y="0"/>
                      <a:pt x="29" y="2"/>
                      <a:pt x="32" y="6"/>
                    </a:cubicBezTo>
                    <a:cubicBezTo>
                      <a:pt x="35" y="8"/>
                      <a:pt x="37" y="12"/>
                      <a:pt x="40" y="17"/>
                    </a:cubicBezTo>
                    <a:lnTo>
                      <a:pt x="44" y="24"/>
                    </a:lnTo>
                    <a:cubicBezTo>
                      <a:pt x="45" y="27"/>
                      <a:pt x="47" y="29"/>
                      <a:pt x="48" y="31"/>
                    </a:cubicBezTo>
                    <a:cubicBezTo>
                      <a:pt x="51" y="34"/>
                      <a:pt x="54" y="35"/>
                      <a:pt x="57" y="36"/>
                    </a:cubicBezTo>
                    <a:lnTo>
                      <a:pt x="57" y="1"/>
                    </a:lnTo>
                    <a:lnTo>
                      <a:pt x="65" y="1"/>
                    </a:lnTo>
                    <a:lnTo>
                      <a:pt x="65" y="45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95" name="Freeform 170">
                <a:extLst>
                  <a:ext uri="{FF2B5EF4-FFF2-40B4-BE49-F238E27FC236}">
                    <a16:creationId xmlns:a16="http://schemas.microsoft.com/office/drawing/2014/main" id="{A7742567-356C-A647-A602-3B62D74B5BF1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951135" y="3907830"/>
                <a:ext cx="79772" cy="53579"/>
              </a:xfrm>
              <a:custGeom>
                <a:avLst/>
                <a:gdLst>
                  <a:gd name="T0" fmla="*/ 0 w 67"/>
                  <a:gd name="T1" fmla="*/ 22 h 45"/>
                  <a:gd name="T2" fmla="*/ 0 w 67"/>
                  <a:gd name="T3" fmla="*/ 22 h 45"/>
                  <a:gd name="T4" fmla="*/ 10 w 67"/>
                  <a:gd name="T5" fmla="*/ 4 h 45"/>
                  <a:gd name="T6" fmla="*/ 32 w 67"/>
                  <a:gd name="T7" fmla="*/ 0 h 45"/>
                  <a:gd name="T8" fmla="*/ 54 w 67"/>
                  <a:gd name="T9" fmla="*/ 4 h 45"/>
                  <a:gd name="T10" fmla="*/ 67 w 67"/>
                  <a:gd name="T11" fmla="*/ 22 h 45"/>
                  <a:gd name="T12" fmla="*/ 56 w 67"/>
                  <a:gd name="T13" fmla="*/ 40 h 45"/>
                  <a:gd name="T14" fmla="*/ 34 w 67"/>
                  <a:gd name="T15" fmla="*/ 45 h 45"/>
                  <a:gd name="T16" fmla="*/ 15 w 67"/>
                  <a:gd name="T17" fmla="*/ 42 h 45"/>
                  <a:gd name="T18" fmla="*/ 0 w 67"/>
                  <a:gd name="T19" fmla="*/ 22 h 45"/>
                  <a:gd name="T20" fmla="*/ 0 w 67"/>
                  <a:gd name="T21" fmla="*/ 22 h 45"/>
                  <a:gd name="T22" fmla="*/ 59 w 67"/>
                  <a:gd name="T23" fmla="*/ 23 h 45"/>
                  <a:gd name="T24" fmla="*/ 59 w 67"/>
                  <a:gd name="T25" fmla="*/ 23 h 45"/>
                  <a:gd name="T26" fmla="*/ 54 w 67"/>
                  <a:gd name="T27" fmla="*/ 12 h 45"/>
                  <a:gd name="T28" fmla="*/ 33 w 67"/>
                  <a:gd name="T29" fmla="*/ 9 h 45"/>
                  <a:gd name="T30" fmla="*/ 14 w 67"/>
                  <a:gd name="T31" fmla="*/ 11 h 45"/>
                  <a:gd name="T32" fmla="*/ 7 w 67"/>
                  <a:gd name="T33" fmla="*/ 22 h 45"/>
                  <a:gd name="T34" fmla="*/ 14 w 67"/>
                  <a:gd name="T35" fmla="*/ 32 h 45"/>
                  <a:gd name="T36" fmla="*/ 34 w 67"/>
                  <a:gd name="T37" fmla="*/ 36 h 45"/>
                  <a:gd name="T38" fmla="*/ 50 w 67"/>
                  <a:gd name="T39" fmla="*/ 34 h 45"/>
                  <a:gd name="T40" fmla="*/ 59 w 67"/>
                  <a:gd name="T41" fmla="*/ 23 h 45"/>
                  <a:gd name="T42" fmla="*/ 59 w 67"/>
                  <a:gd name="T43" fmla="*/ 23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</a:cxnLst>
                <a:rect l="0" t="0" r="r" b="b"/>
                <a:pathLst>
                  <a:path w="67" h="45">
                    <a:moveTo>
                      <a:pt x="0" y="22"/>
                    </a:moveTo>
                    <a:lnTo>
                      <a:pt x="0" y="22"/>
                    </a:lnTo>
                    <a:cubicBezTo>
                      <a:pt x="0" y="14"/>
                      <a:pt x="3" y="8"/>
                      <a:pt x="10" y="4"/>
                    </a:cubicBezTo>
                    <a:cubicBezTo>
                      <a:pt x="16" y="1"/>
                      <a:pt x="23" y="0"/>
                      <a:pt x="32" y="0"/>
                    </a:cubicBezTo>
                    <a:cubicBezTo>
                      <a:pt x="41" y="0"/>
                      <a:pt x="48" y="1"/>
                      <a:pt x="54" y="4"/>
                    </a:cubicBezTo>
                    <a:cubicBezTo>
                      <a:pt x="62" y="8"/>
                      <a:pt x="67" y="14"/>
                      <a:pt x="67" y="22"/>
                    </a:cubicBezTo>
                    <a:cubicBezTo>
                      <a:pt x="67" y="30"/>
                      <a:pt x="63" y="36"/>
                      <a:pt x="56" y="40"/>
                    </a:cubicBezTo>
                    <a:cubicBezTo>
                      <a:pt x="51" y="43"/>
                      <a:pt x="43" y="45"/>
                      <a:pt x="34" y="45"/>
                    </a:cubicBezTo>
                    <a:cubicBezTo>
                      <a:pt x="26" y="45"/>
                      <a:pt x="20" y="44"/>
                      <a:pt x="15" y="42"/>
                    </a:cubicBezTo>
                    <a:cubicBezTo>
                      <a:pt x="5" y="38"/>
                      <a:pt x="0" y="32"/>
                      <a:pt x="0" y="22"/>
                    </a:cubicBezTo>
                    <a:lnTo>
                      <a:pt x="0" y="22"/>
                    </a:lnTo>
                    <a:close/>
                    <a:moveTo>
                      <a:pt x="59" y="23"/>
                    </a:moveTo>
                    <a:lnTo>
                      <a:pt x="59" y="23"/>
                    </a:lnTo>
                    <a:cubicBezTo>
                      <a:pt x="59" y="18"/>
                      <a:pt x="57" y="15"/>
                      <a:pt x="54" y="12"/>
                    </a:cubicBezTo>
                    <a:cubicBezTo>
                      <a:pt x="50" y="10"/>
                      <a:pt x="43" y="9"/>
                      <a:pt x="33" y="9"/>
                    </a:cubicBezTo>
                    <a:cubicBezTo>
                      <a:pt x="25" y="9"/>
                      <a:pt x="19" y="10"/>
                      <a:pt x="14" y="11"/>
                    </a:cubicBezTo>
                    <a:cubicBezTo>
                      <a:pt x="10" y="13"/>
                      <a:pt x="7" y="17"/>
                      <a:pt x="7" y="22"/>
                    </a:cubicBezTo>
                    <a:cubicBezTo>
                      <a:pt x="7" y="27"/>
                      <a:pt x="9" y="30"/>
                      <a:pt x="14" y="32"/>
                    </a:cubicBezTo>
                    <a:cubicBezTo>
                      <a:pt x="18" y="35"/>
                      <a:pt x="25" y="36"/>
                      <a:pt x="34" y="36"/>
                    </a:cubicBezTo>
                    <a:cubicBezTo>
                      <a:pt x="41" y="36"/>
                      <a:pt x="46" y="35"/>
                      <a:pt x="50" y="34"/>
                    </a:cubicBezTo>
                    <a:cubicBezTo>
                      <a:pt x="56" y="32"/>
                      <a:pt x="59" y="28"/>
                      <a:pt x="59" y="23"/>
                    </a:cubicBezTo>
                    <a:lnTo>
                      <a:pt x="59" y="23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96" name="Freeform 171">
                <a:extLst>
                  <a:ext uri="{FF2B5EF4-FFF2-40B4-BE49-F238E27FC236}">
                    <a16:creationId xmlns:a16="http://schemas.microsoft.com/office/drawing/2014/main" id="{FCEA4A72-E9A1-DB4D-BF02-C9FEA2478D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16620" y="3881636"/>
                <a:ext cx="11906" cy="11906"/>
              </a:xfrm>
              <a:custGeom>
                <a:avLst/>
                <a:gdLst>
                  <a:gd name="T0" fmla="*/ 0 w 10"/>
                  <a:gd name="T1" fmla="*/ 10 h 10"/>
                  <a:gd name="T2" fmla="*/ 0 w 10"/>
                  <a:gd name="T3" fmla="*/ 10 h 10"/>
                  <a:gd name="T4" fmla="*/ 0 w 10"/>
                  <a:gd name="T5" fmla="*/ 0 h 10"/>
                  <a:gd name="T6" fmla="*/ 10 w 10"/>
                  <a:gd name="T7" fmla="*/ 0 h 10"/>
                  <a:gd name="T8" fmla="*/ 10 w 10"/>
                  <a:gd name="T9" fmla="*/ 10 h 10"/>
                  <a:gd name="T10" fmla="*/ 0 w 10"/>
                  <a:gd name="T11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0" h="10">
                    <a:moveTo>
                      <a:pt x="0" y="10"/>
                    </a:moveTo>
                    <a:lnTo>
                      <a:pt x="0" y="10"/>
                    </a:lnTo>
                    <a:lnTo>
                      <a:pt x="0" y="0"/>
                    </a:lnTo>
                    <a:lnTo>
                      <a:pt x="10" y="0"/>
                    </a:lnTo>
                    <a:lnTo>
                      <a:pt x="10" y="10"/>
                    </a:lnTo>
                    <a:lnTo>
                      <a:pt x="0" y="10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97" name="Freeform 172">
                <a:extLst>
                  <a:ext uri="{FF2B5EF4-FFF2-40B4-BE49-F238E27FC236}">
                    <a16:creationId xmlns:a16="http://schemas.microsoft.com/office/drawing/2014/main" id="{29879FC8-090B-204C-9D42-D53BEDF3C398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951135" y="3813771"/>
                <a:ext cx="77391" cy="54769"/>
              </a:xfrm>
              <a:custGeom>
                <a:avLst/>
                <a:gdLst>
                  <a:gd name="T0" fmla="*/ 42 w 65"/>
                  <a:gd name="T1" fmla="*/ 18 h 46"/>
                  <a:gd name="T2" fmla="*/ 42 w 65"/>
                  <a:gd name="T3" fmla="*/ 18 h 46"/>
                  <a:gd name="T4" fmla="*/ 12 w 65"/>
                  <a:gd name="T5" fmla="*/ 18 h 46"/>
                  <a:gd name="T6" fmla="*/ 42 w 65"/>
                  <a:gd name="T7" fmla="*/ 39 h 46"/>
                  <a:gd name="T8" fmla="*/ 42 w 65"/>
                  <a:gd name="T9" fmla="*/ 18 h 46"/>
                  <a:gd name="T10" fmla="*/ 65 w 65"/>
                  <a:gd name="T11" fmla="*/ 18 h 46"/>
                  <a:gd name="T12" fmla="*/ 65 w 65"/>
                  <a:gd name="T13" fmla="*/ 18 h 46"/>
                  <a:gd name="T14" fmla="*/ 49 w 65"/>
                  <a:gd name="T15" fmla="*/ 18 h 46"/>
                  <a:gd name="T16" fmla="*/ 49 w 65"/>
                  <a:gd name="T17" fmla="*/ 46 h 46"/>
                  <a:gd name="T18" fmla="*/ 41 w 65"/>
                  <a:gd name="T19" fmla="*/ 46 h 46"/>
                  <a:gd name="T20" fmla="*/ 0 w 65"/>
                  <a:gd name="T21" fmla="*/ 17 h 46"/>
                  <a:gd name="T22" fmla="*/ 0 w 65"/>
                  <a:gd name="T23" fmla="*/ 10 h 46"/>
                  <a:gd name="T24" fmla="*/ 42 w 65"/>
                  <a:gd name="T25" fmla="*/ 10 h 46"/>
                  <a:gd name="T26" fmla="*/ 42 w 65"/>
                  <a:gd name="T27" fmla="*/ 0 h 46"/>
                  <a:gd name="T28" fmla="*/ 49 w 65"/>
                  <a:gd name="T29" fmla="*/ 0 h 46"/>
                  <a:gd name="T30" fmla="*/ 49 w 65"/>
                  <a:gd name="T31" fmla="*/ 10 h 46"/>
                  <a:gd name="T32" fmla="*/ 65 w 65"/>
                  <a:gd name="T33" fmla="*/ 10 h 46"/>
                  <a:gd name="T34" fmla="*/ 65 w 65"/>
                  <a:gd name="T35" fmla="*/ 18 h 4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65" h="46">
                    <a:moveTo>
                      <a:pt x="42" y="18"/>
                    </a:moveTo>
                    <a:lnTo>
                      <a:pt x="42" y="18"/>
                    </a:lnTo>
                    <a:lnTo>
                      <a:pt x="12" y="18"/>
                    </a:lnTo>
                    <a:lnTo>
                      <a:pt x="42" y="39"/>
                    </a:lnTo>
                    <a:lnTo>
                      <a:pt x="42" y="18"/>
                    </a:lnTo>
                    <a:close/>
                    <a:moveTo>
                      <a:pt x="65" y="18"/>
                    </a:moveTo>
                    <a:lnTo>
                      <a:pt x="65" y="18"/>
                    </a:lnTo>
                    <a:lnTo>
                      <a:pt x="49" y="18"/>
                    </a:lnTo>
                    <a:lnTo>
                      <a:pt x="49" y="46"/>
                    </a:lnTo>
                    <a:lnTo>
                      <a:pt x="41" y="46"/>
                    </a:lnTo>
                    <a:lnTo>
                      <a:pt x="0" y="17"/>
                    </a:lnTo>
                    <a:lnTo>
                      <a:pt x="0" y="10"/>
                    </a:lnTo>
                    <a:lnTo>
                      <a:pt x="42" y="10"/>
                    </a:lnTo>
                    <a:lnTo>
                      <a:pt x="42" y="0"/>
                    </a:lnTo>
                    <a:lnTo>
                      <a:pt x="49" y="0"/>
                    </a:lnTo>
                    <a:lnTo>
                      <a:pt x="49" y="10"/>
                    </a:lnTo>
                    <a:lnTo>
                      <a:pt x="65" y="10"/>
                    </a:lnTo>
                    <a:lnTo>
                      <a:pt x="65" y="18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98" name="Freeform 173">
                <a:extLst>
                  <a:ext uri="{FF2B5EF4-FFF2-40B4-BE49-F238E27FC236}">
                    <a16:creationId xmlns:a16="http://schemas.microsoft.com/office/drawing/2014/main" id="{9910B382-DA5A-0E44-8C47-6685BDCAC0EF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951135" y="3429199"/>
                <a:ext cx="79772" cy="53579"/>
              </a:xfrm>
              <a:custGeom>
                <a:avLst/>
                <a:gdLst>
                  <a:gd name="T0" fmla="*/ 0 w 67"/>
                  <a:gd name="T1" fmla="*/ 23 h 45"/>
                  <a:gd name="T2" fmla="*/ 0 w 67"/>
                  <a:gd name="T3" fmla="*/ 23 h 45"/>
                  <a:gd name="T4" fmla="*/ 10 w 67"/>
                  <a:gd name="T5" fmla="*/ 5 h 45"/>
                  <a:gd name="T6" fmla="*/ 32 w 67"/>
                  <a:gd name="T7" fmla="*/ 0 h 45"/>
                  <a:gd name="T8" fmla="*/ 54 w 67"/>
                  <a:gd name="T9" fmla="*/ 4 h 45"/>
                  <a:gd name="T10" fmla="*/ 67 w 67"/>
                  <a:gd name="T11" fmla="*/ 23 h 45"/>
                  <a:gd name="T12" fmla="*/ 56 w 67"/>
                  <a:gd name="T13" fmla="*/ 40 h 45"/>
                  <a:gd name="T14" fmla="*/ 34 w 67"/>
                  <a:gd name="T15" fmla="*/ 45 h 45"/>
                  <a:gd name="T16" fmla="*/ 15 w 67"/>
                  <a:gd name="T17" fmla="*/ 42 h 45"/>
                  <a:gd name="T18" fmla="*/ 0 w 67"/>
                  <a:gd name="T19" fmla="*/ 23 h 45"/>
                  <a:gd name="T20" fmla="*/ 0 w 67"/>
                  <a:gd name="T21" fmla="*/ 23 h 45"/>
                  <a:gd name="T22" fmla="*/ 59 w 67"/>
                  <a:gd name="T23" fmla="*/ 23 h 45"/>
                  <a:gd name="T24" fmla="*/ 59 w 67"/>
                  <a:gd name="T25" fmla="*/ 23 h 45"/>
                  <a:gd name="T26" fmla="*/ 54 w 67"/>
                  <a:gd name="T27" fmla="*/ 13 h 45"/>
                  <a:gd name="T28" fmla="*/ 33 w 67"/>
                  <a:gd name="T29" fmla="*/ 9 h 45"/>
                  <a:gd name="T30" fmla="*/ 14 w 67"/>
                  <a:gd name="T31" fmla="*/ 12 h 45"/>
                  <a:gd name="T32" fmla="*/ 7 w 67"/>
                  <a:gd name="T33" fmla="*/ 22 h 45"/>
                  <a:gd name="T34" fmla="*/ 14 w 67"/>
                  <a:gd name="T35" fmla="*/ 33 h 45"/>
                  <a:gd name="T36" fmla="*/ 34 w 67"/>
                  <a:gd name="T37" fmla="*/ 36 h 45"/>
                  <a:gd name="T38" fmla="*/ 50 w 67"/>
                  <a:gd name="T39" fmla="*/ 34 h 45"/>
                  <a:gd name="T40" fmla="*/ 59 w 67"/>
                  <a:gd name="T41" fmla="*/ 23 h 45"/>
                  <a:gd name="T42" fmla="*/ 59 w 67"/>
                  <a:gd name="T43" fmla="*/ 23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</a:cxnLst>
                <a:rect l="0" t="0" r="r" b="b"/>
                <a:pathLst>
                  <a:path w="67" h="45">
                    <a:moveTo>
                      <a:pt x="0" y="23"/>
                    </a:moveTo>
                    <a:lnTo>
                      <a:pt x="0" y="23"/>
                    </a:lnTo>
                    <a:cubicBezTo>
                      <a:pt x="0" y="14"/>
                      <a:pt x="3" y="8"/>
                      <a:pt x="10" y="5"/>
                    </a:cubicBezTo>
                    <a:cubicBezTo>
                      <a:pt x="16" y="2"/>
                      <a:pt x="23" y="0"/>
                      <a:pt x="32" y="0"/>
                    </a:cubicBezTo>
                    <a:cubicBezTo>
                      <a:pt x="41" y="0"/>
                      <a:pt x="48" y="1"/>
                      <a:pt x="54" y="4"/>
                    </a:cubicBezTo>
                    <a:cubicBezTo>
                      <a:pt x="62" y="8"/>
                      <a:pt x="67" y="14"/>
                      <a:pt x="67" y="23"/>
                    </a:cubicBezTo>
                    <a:cubicBezTo>
                      <a:pt x="67" y="31"/>
                      <a:pt x="63" y="36"/>
                      <a:pt x="56" y="40"/>
                    </a:cubicBezTo>
                    <a:cubicBezTo>
                      <a:pt x="51" y="43"/>
                      <a:pt x="43" y="45"/>
                      <a:pt x="34" y="45"/>
                    </a:cubicBezTo>
                    <a:cubicBezTo>
                      <a:pt x="26" y="45"/>
                      <a:pt x="20" y="44"/>
                      <a:pt x="15" y="42"/>
                    </a:cubicBezTo>
                    <a:cubicBezTo>
                      <a:pt x="5" y="39"/>
                      <a:pt x="0" y="32"/>
                      <a:pt x="0" y="23"/>
                    </a:cubicBezTo>
                    <a:lnTo>
                      <a:pt x="0" y="23"/>
                    </a:lnTo>
                    <a:close/>
                    <a:moveTo>
                      <a:pt x="59" y="23"/>
                    </a:moveTo>
                    <a:lnTo>
                      <a:pt x="59" y="23"/>
                    </a:lnTo>
                    <a:cubicBezTo>
                      <a:pt x="59" y="19"/>
                      <a:pt x="57" y="15"/>
                      <a:pt x="54" y="13"/>
                    </a:cubicBezTo>
                    <a:cubicBezTo>
                      <a:pt x="50" y="10"/>
                      <a:pt x="43" y="9"/>
                      <a:pt x="33" y="9"/>
                    </a:cubicBezTo>
                    <a:cubicBezTo>
                      <a:pt x="25" y="9"/>
                      <a:pt x="19" y="10"/>
                      <a:pt x="14" y="12"/>
                    </a:cubicBezTo>
                    <a:cubicBezTo>
                      <a:pt x="10" y="14"/>
                      <a:pt x="7" y="17"/>
                      <a:pt x="7" y="22"/>
                    </a:cubicBezTo>
                    <a:cubicBezTo>
                      <a:pt x="7" y="27"/>
                      <a:pt x="9" y="31"/>
                      <a:pt x="14" y="33"/>
                    </a:cubicBezTo>
                    <a:cubicBezTo>
                      <a:pt x="18" y="35"/>
                      <a:pt x="25" y="36"/>
                      <a:pt x="34" y="36"/>
                    </a:cubicBezTo>
                    <a:cubicBezTo>
                      <a:pt x="41" y="36"/>
                      <a:pt x="46" y="35"/>
                      <a:pt x="50" y="34"/>
                    </a:cubicBezTo>
                    <a:cubicBezTo>
                      <a:pt x="56" y="32"/>
                      <a:pt x="59" y="28"/>
                      <a:pt x="59" y="23"/>
                    </a:cubicBezTo>
                    <a:lnTo>
                      <a:pt x="59" y="23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99" name="Freeform 174">
                <a:extLst>
                  <a:ext uri="{FF2B5EF4-FFF2-40B4-BE49-F238E27FC236}">
                    <a16:creationId xmlns:a16="http://schemas.microsoft.com/office/drawing/2014/main" id="{8D6DA997-57B7-AA4D-BA72-08D3BEFF0F7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16620" y="3404196"/>
                <a:ext cx="11906" cy="10716"/>
              </a:xfrm>
              <a:custGeom>
                <a:avLst/>
                <a:gdLst>
                  <a:gd name="T0" fmla="*/ 0 w 10"/>
                  <a:gd name="T1" fmla="*/ 9 h 9"/>
                  <a:gd name="T2" fmla="*/ 0 w 10"/>
                  <a:gd name="T3" fmla="*/ 9 h 9"/>
                  <a:gd name="T4" fmla="*/ 0 w 10"/>
                  <a:gd name="T5" fmla="*/ 0 h 9"/>
                  <a:gd name="T6" fmla="*/ 10 w 10"/>
                  <a:gd name="T7" fmla="*/ 0 h 9"/>
                  <a:gd name="T8" fmla="*/ 10 w 10"/>
                  <a:gd name="T9" fmla="*/ 9 h 9"/>
                  <a:gd name="T10" fmla="*/ 0 w 10"/>
                  <a:gd name="T11" fmla="*/ 9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0" h="9">
                    <a:moveTo>
                      <a:pt x="0" y="9"/>
                    </a:moveTo>
                    <a:lnTo>
                      <a:pt x="0" y="9"/>
                    </a:lnTo>
                    <a:lnTo>
                      <a:pt x="0" y="0"/>
                    </a:lnTo>
                    <a:lnTo>
                      <a:pt x="10" y="0"/>
                    </a:lnTo>
                    <a:lnTo>
                      <a:pt x="10" y="9"/>
                    </a:lnTo>
                    <a:lnTo>
                      <a:pt x="0" y="9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00" name="Freeform 175">
                <a:extLst>
                  <a:ext uri="{FF2B5EF4-FFF2-40B4-BE49-F238E27FC236}">
                    <a16:creationId xmlns:a16="http://schemas.microsoft.com/office/drawing/2014/main" id="{3EB1EEF5-9944-DE42-8D06-4BBA9A1B8392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951135" y="3336330"/>
                <a:ext cx="79772" cy="53579"/>
              </a:xfrm>
              <a:custGeom>
                <a:avLst/>
                <a:gdLst>
                  <a:gd name="T0" fmla="*/ 0 w 67"/>
                  <a:gd name="T1" fmla="*/ 21 h 45"/>
                  <a:gd name="T2" fmla="*/ 0 w 67"/>
                  <a:gd name="T3" fmla="*/ 21 h 45"/>
                  <a:gd name="T4" fmla="*/ 5 w 67"/>
                  <a:gd name="T5" fmla="*/ 6 h 45"/>
                  <a:gd name="T6" fmla="*/ 17 w 67"/>
                  <a:gd name="T7" fmla="*/ 1 h 45"/>
                  <a:gd name="T8" fmla="*/ 17 w 67"/>
                  <a:gd name="T9" fmla="*/ 9 h 45"/>
                  <a:gd name="T10" fmla="*/ 11 w 67"/>
                  <a:gd name="T11" fmla="*/ 12 h 45"/>
                  <a:gd name="T12" fmla="*/ 7 w 67"/>
                  <a:gd name="T13" fmla="*/ 21 h 45"/>
                  <a:gd name="T14" fmla="*/ 13 w 67"/>
                  <a:gd name="T15" fmla="*/ 32 h 45"/>
                  <a:gd name="T16" fmla="*/ 31 w 67"/>
                  <a:gd name="T17" fmla="*/ 36 h 45"/>
                  <a:gd name="T18" fmla="*/ 25 w 67"/>
                  <a:gd name="T19" fmla="*/ 29 h 45"/>
                  <a:gd name="T20" fmla="*/ 23 w 67"/>
                  <a:gd name="T21" fmla="*/ 20 h 45"/>
                  <a:gd name="T22" fmla="*/ 28 w 67"/>
                  <a:gd name="T23" fmla="*/ 6 h 45"/>
                  <a:gd name="T24" fmla="*/ 44 w 67"/>
                  <a:gd name="T25" fmla="*/ 0 h 45"/>
                  <a:gd name="T26" fmla="*/ 60 w 67"/>
                  <a:gd name="T27" fmla="*/ 6 h 45"/>
                  <a:gd name="T28" fmla="*/ 67 w 67"/>
                  <a:gd name="T29" fmla="*/ 22 h 45"/>
                  <a:gd name="T30" fmla="*/ 60 w 67"/>
                  <a:gd name="T31" fmla="*/ 38 h 45"/>
                  <a:gd name="T32" fmla="*/ 36 w 67"/>
                  <a:gd name="T33" fmla="*/ 45 h 45"/>
                  <a:gd name="T34" fmla="*/ 16 w 67"/>
                  <a:gd name="T35" fmla="*/ 42 h 45"/>
                  <a:gd name="T36" fmla="*/ 0 w 67"/>
                  <a:gd name="T37" fmla="*/ 21 h 45"/>
                  <a:gd name="T38" fmla="*/ 0 w 67"/>
                  <a:gd name="T39" fmla="*/ 21 h 45"/>
                  <a:gd name="T40" fmla="*/ 59 w 67"/>
                  <a:gd name="T41" fmla="*/ 21 h 45"/>
                  <a:gd name="T42" fmla="*/ 59 w 67"/>
                  <a:gd name="T43" fmla="*/ 21 h 45"/>
                  <a:gd name="T44" fmla="*/ 55 w 67"/>
                  <a:gd name="T45" fmla="*/ 12 h 45"/>
                  <a:gd name="T46" fmla="*/ 45 w 67"/>
                  <a:gd name="T47" fmla="*/ 9 h 45"/>
                  <a:gd name="T48" fmla="*/ 35 w 67"/>
                  <a:gd name="T49" fmla="*/ 11 h 45"/>
                  <a:gd name="T50" fmla="*/ 31 w 67"/>
                  <a:gd name="T51" fmla="*/ 22 h 45"/>
                  <a:gd name="T52" fmla="*/ 34 w 67"/>
                  <a:gd name="T53" fmla="*/ 31 h 45"/>
                  <a:gd name="T54" fmla="*/ 45 w 67"/>
                  <a:gd name="T55" fmla="*/ 35 h 45"/>
                  <a:gd name="T56" fmla="*/ 55 w 67"/>
                  <a:gd name="T57" fmla="*/ 31 h 45"/>
                  <a:gd name="T58" fmla="*/ 59 w 67"/>
                  <a:gd name="T59" fmla="*/ 21 h 45"/>
                  <a:gd name="T60" fmla="*/ 59 w 67"/>
                  <a:gd name="T61" fmla="*/ 21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</a:cxnLst>
                <a:rect l="0" t="0" r="r" b="b"/>
                <a:pathLst>
                  <a:path w="67" h="45">
                    <a:moveTo>
                      <a:pt x="0" y="21"/>
                    </a:moveTo>
                    <a:lnTo>
                      <a:pt x="0" y="21"/>
                    </a:lnTo>
                    <a:cubicBezTo>
                      <a:pt x="0" y="14"/>
                      <a:pt x="1" y="9"/>
                      <a:pt x="5" y="6"/>
                    </a:cubicBezTo>
                    <a:cubicBezTo>
                      <a:pt x="9" y="3"/>
                      <a:pt x="13" y="1"/>
                      <a:pt x="17" y="1"/>
                    </a:cubicBezTo>
                    <a:lnTo>
                      <a:pt x="17" y="9"/>
                    </a:lnTo>
                    <a:cubicBezTo>
                      <a:pt x="14" y="10"/>
                      <a:pt x="12" y="11"/>
                      <a:pt x="11" y="12"/>
                    </a:cubicBezTo>
                    <a:cubicBezTo>
                      <a:pt x="8" y="14"/>
                      <a:pt x="7" y="17"/>
                      <a:pt x="7" y="21"/>
                    </a:cubicBezTo>
                    <a:cubicBezTo>
                      <a:pt x="7" y="25"/>
                      <a:pt x="9" y="29"/>
                      <a:pt x="13" y="32"/>
                    </a:cubicBezTo>
                    <a:cubicBezTo>
                      <a:pt x="17" y="34"/>
                      <a:pt x="23" y="36"/>
                      <a:pt x="31" y="36"/>
                    </a:cubicBezTo>
                    <a:cubicBezTo>
                      <a:pt x="28" y="34"/>
                      <a:pt x="26" y="32"/>
                      <a:pt x="25" y="29"/>
                    </a:cubicBezTo>
                    <a:cubicBezTo>
                      <a:pt x="24" y="26"/>
                      <a:pt x="23" y="24"/>
                      <a:pt x="23" y="20"/>
                    </a:cubicBezTo>
                    <a:cubicBezTo>
                      <a:pt x="23" y="15"/>
                      <a:pt x="25" y="10"/>
                      <a:pt x="28" y="6"/>
                    </a:cubicBezTo>
                    <a:cubicBezTo>
                      <a:pt x="32" y="2"/>
                      <a:pt x="37" y="0"/>
                      <a:pt x="44" y="0"/>
                    </a:cubicBezTo>
                    <a:cubicBezTo>
                      <a:pt x="50" y="0"/>
                      <a:pt x="55" y="2"/>
                      <a:pt x="60" y="6"/>
                    </a:cubicBezTo>
                    <a:cubicBezTo>
                      <a:pt x="64" y="10"/>
                      <a:pt x="67" y="15"/>
                      <a:pt x="67" y="22"/>
                    </a:cubicBezTo>
                    <a:cubicBezTo>
                      <a:pt x="67" y="28"/>
                      <a:pt x="64" y="34"/>
                      <a:pt x="60" y="38"/>
                    </a:cubicBezTo>
                    <a:cubicBezTo>
                      <a:pt x="55" y="42"/>
                      <a:pt x="47" y="45"/>
                      <a:pt x="36" y="45"/>
                    </a:cubicBezTo>
                    <a:cubicBezTo>
                      <a:pt x="28" y="45"/>
                      <a:pt x="21" y="44"/>
                      <a:pt x="16" y="42"/>
                    </a:cubicBezTo>
                    <a:cubicBezTo>
                      <a:pt x="5" y="38"/>
                      <a:pt x="0" y="31"/>
                      <a:pt x="0" y="21"/>
                    </a:cubicBezTo>
                    <a:lnTo>
                      <a:pt x="0" y="21"/>
                    </a:lnTo>
                    <a:close/>
                    <a:moveTo>
                      <a:pt x="59" y="21"/>
                    </a:moveTo>
                    <a:lnTo>
                      <a:pt x="59" y="21"/>
                    </a:lnTo>
                    <a:cubicBezTo>
                      <a:pt x="59" y="17"/>
                      <a:pt x="58" y="14"/>
                      <a:pt x="55" y="12"/>
                    </a:cubicBezTo>
                    <a:cubicBezTo>
                      <a:pt x="52" y="10"/>
                      <a:pt x="49" y="9"/>
                      <a:pt x="45" y="9"/>
                    </a:cubicBezTo>
                    <a:cubicBezTo>
                      <a:pt x="41" y="9"/>
                      <a:pt x="38" y="10"/>
                      <a:pt x="35" y="11"/>
                    </a:cubicBezTo>
                    <a:cubicBezTo>
                      <a:pt x="32" y="13"/>
                      <a:pt x="31" y="17"/>
                      <a:pt x="31" y="22"/>
                    </a:cubicBezTo>
                    <a:cubicBezTo>
                      <a:pt x="31" y="25"/>
                      <a:pt x="32" y="28"/>
                      <a:pt x="34" y="31"/>
                    </a:cubicBezTo>
                    <a:cubicBezTo>
                      <a:pt x="36" y="34"/>
                      <a:pt x="40" y="35"/>
                      <a:pt x="45" y="35"/>
                    </a:cubicBezTo>
                    <a:cubicBezTo>
                      <a:pt x="49" y="35"/>
                      <a:pt x="52" y="34"/>
                      <a:pt x="55" y="31"/>
                    </a:cubicBezTo>
                    <a:cubicBezTo>
                      <a:pt x="58" y="29"/>
                      <a:pt x="59" y="26"/>
                      <a:pt x="59" y="21"/>
                    </a:cubicBezTo>
                    <a:lnTo>
                      <a:pt x="59" y="21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01" name="Freeform 176">
                <a:extLst>
                  <a:ext uri="{FF2B5EF4-FFF2-40B4-BE49-F238E27FC236}">
                    <a16:creationId xmlns:a16="http://schemas.microsoft.com/office/drawing/2014/main" id="{84A68187-1E3E-0A4F-8A81-071537630776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951135" y="2950567"/>
                <a:ext cx="79772" cy="52388"/>
              </a:xfrm>
              <a:custGeom>
                <a:avLst/>
                <a:gdLst>
                  <a:gd name="T0" fmla="*/ 0 w 67"/>
                  <a:gd name="T1" fmla="*/ 22 h 44"/>
                  <a:gd name="T2" fmla="*/ 0 w 67"/>
                  <a:gd name="T3" fmla="*/ 22 h 44"/>
                  <a:gd name="T4" fmla="*/ 10 w 67"/>
                  <a:gd name="T5" fmla="*/ 4 h 44"/>
                  <a:gd name="T6" fmla="*/ 32 w 67"/>
                  <a:gd name="T7" fmla="*/ 0 h 44"/>
                  <a:gd name="T8" fmla="*/ 54 w 67"/>
                  <a:gd name="T9" fmla="*/ 4 h 44"/>
                  <a:gd name="T10" fmla="*/ 67 w 67"/>
                  <a:gd name="T11" fmla="*/ 22 h 44"/>
                  <a:gd name="T12" fmla="*/ 56 w 67"/>
                  <a:gd name="T13" fmla="*/ 40 h 44"/>
                  <a:gd name="T14" fmla="*/ 34 w 67"/>
                  <a:gd name="T15" fmla="*/ 44 h 44"/>
                  <a:gd name="T16" fmla="*/ 15 w 67"/>
                  <a:gd name="T17" fmla="*/ 42 h 44"/>
                  <a:gd name="T18" fmla="*/ 0 w 67"/>
                  <a:gd name="T19" fmla="*/ 22 h 44"/>
                  <a:gd name="T20" fmla="*/ 0 w 67"/>
                  <a:gd name="T21" fmla="*/ 22 h 44"/>
                  <a:gd name="T22" fmla="*/ 59 w 67"/>
                  <a:gd name="T23" fmla="*/ 22 h 44"/>
                  <a:gd name="T24" fmla="*/ 59 w 67"/>
                  <a:gd name="T25" fmla="*/ 22 h 44"/>
                  <a:gd name="T26" fmla="*/ 54 w 67"/>
                  <a:gd name="T27" fmla="*/ 12 h 44"/>
                  <a:gd name="T28" fmla="*/ 33 w 67"/>
                  <a:gd name="T29" fmla="*/ 8 h 44"/>
                  <a:gd name="T30" fmla="*/ 14 w 67"/>
                  <a:gd name="T31" fmla="*/ 11 h 44"/>
                  <a:gd name="T32" fmla="*/ 7 w 67"/>
                  <a:gd name="T33" fmla="*/ 22 h 44"/>
                  <a:gd name="T34" fmla="*/ 14 w 67"/>
                  <a:gd name="T35" fmla="*/ 32 h 44"/>
                  <a:gd name="T36" fmla="*/ 34 w 67"/>
                  <a:gd name="T37" fmla="*/ 36 h 44"/>
                  <a:gd name="T38" fmla="*/ 50 w 67"/>
                  <a:gd name="T39" fmla="*/ 34 h 44"/>
                  <a:gd name="T40" fmla="*/ 59 w 67"/>
                  <a:gd name="T41" fmla="*/ 22 h 44"/>
                  <a:gd name="T42" fmla="*/ 59 w 67"/>
                  <a:gd name="T43" fmla="*/ 22 h 4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</a:cxnLst>
                <a:rect l="0" t="0" r="r" b="b"/>
                <a:pathLst>
                  <a:path w="67" h="44">
                    <a:moveTo>
                      <a:pt x="0" y="22"/>
                    </a:moveTo>
                    <a:lnTo>
                      <a:pt x="0" y="22"/>
                    </a:lnTo>
                    <a:cubicBezTo>
                      <a:pt x="0" y="14"/>
                      <a:pt x="3" y="8"/>
                      <a:pt x="10" y="4"/>
                    </a:cubicBezTo>
                    <a:cubicBezTo>
                      <a:pt x="16" y="1"/>
                      <a:pt x="23" y="0"/>
                      <a:pt x="32" y="0"/>
                    </a:cubicBezTo>
                    <a:cubicBezTo>
                      <a:pt x="41" y="0"/>
                      <a:pt x="48" y="1"/>
                      <a:pt x="54" y="4"/>
                    </a:cubicBezTo>
                    <a:cubicBezTo>
                      <a:pt x="62" y="7"/>
                      <a:pt x="67" y="14"/>
                      <a:pt x="67" y="22"/>
                    </a:cubicBezTo>
                    <a:cubicBezTo>
                      <a:pt x="67" y="30"/>
                      <a:pt x="63" y="36"/>
                      <a:pt x="56" y="40"/>
                    </a:cubicBezTo>
                    <a:cubicBezTo>
                      <a:pt x="51" y="43"/>
                      <a:pt x="43" y="44"/>
                      <a:pt x="34" y="44"/>
                    </a:cubicBezTo>
                    <a:cubicBezTo>
                      <a:pt x="26" y="44"/>
                      <a:pt x="20" y="44"/>
                      <a:pt x="15" y="42"/>
                    </a:cubicBezTo>
                    <a:cubicBezTo>
                      <a:pt x="5" y="38"/>
                      <a:pt x="0" y="32"/>
                      <a:pt x="0" y="22"/>
                    </a:cubicBezTo>
                    <a:lnTo>
                      <a:pt x="0" y="22"/>
                    </a:lnTo>
                    <a:close/>
                    <a:moveTo>
                      <a:pt x="59" y="22"/>
                    </a:moveTo>
                    <a:lnTo>
                      <a:pt x="59" y="22"/>
                    </a:lnTo>
                    <a:cubicBezTo>
                      <a:pt x="59" y="18"/>
                      <a:pt x="57" y="15"/>
                      <a:pt x="54" y="12"/>
                    </a:cubicBezTo>
                    <a:cubicBezTo>
                      <a:pt x="50" y="10"/>
                      <a:pt x="43" y="8"/>
                      <a:pt x="33" y="8"/>
                    </a:cubicBezTo>
                    <a:cubicBezTo>
                      <a:pt x="25" y="8"/>
                      <a:pt x="19" y="9"/>
                      <a:pt x="14" y="11"/>
                    </a:cubicBezTo>
                    <a:cubicBezTo>
                      <a:pt x="10" y="13"/>
                      <a:pt x="7" y="17"/>
                      <a:pt x="7" y="22"/>
                    </a:cubicBezTo>
                    <a:cubicBezTo>
                      <a:pt x="7" y="27"/>
                      <a:pt x="9" y="30"/>
                      <a:pt x="14" y="32"/>
                    </a:cubicBezTo>
                    <a:cubicBezTo>
                      <a:pt x="18" y="35"/>
                      <a:pt x="25" y="36"/>
                      <a:pt x="34" y="36"/>
                    </a:cubicBezTo>
                    <a:cubicBezTo>
                      <a:pt x="41" y="36"/>
                      <a:pt x="46" y="35"/>
                      <a:pt x="50" y="34"/>
                    </a:cubicBezTo>
                    <a:cubicBezTo>
                      <a:pt x="56" y="31"/>
                      <a:pt x="59" y="28"/>
                      <a:pt x="59" y="22"/>
                    </a:cubicBezTo>
                    <a:lnTo>
                      <a:pt x="59" y="22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02" name="Freeform 177">
                <a:extLst>
                  <a:ext uri="{FF2B5EF4-FFF2-40B4-BE49-F238E27FC236}">
                    <a16:creationId xmlns:a16="http://schemas.microsoft.com/office/drawing/2014/main" id="{7BCD733D-031D-D044-8A55-A634E7E37E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16620" y="2924374"/>
                <a:ext cx="11906" cy="11906"/>
              </a:xfrm>
              <a:custGeom>
                <a:avLst/>
                <a:gdLst>
                  <a:gd name="T0" fmla="*/ 0 w 10"/>
                  <a:gd name="T1" fmla="*/ 10 h 10"/>
                  <a:gd name="T2" fmla="*/ 0 w 10"/>
                  <a:gd name="T3" fmla="*/ 10 h 10"/>
                  <a:gd name="T4" fmla="*/ 0 w 10"/>
                  <a:gd name="T5" fmla="*/ 0 h 10"/>
                  <a:gd name="T6" fmla="*/ 10 w 10"/>
                  <a:gd name="T7" fmla="*/ 0 h 10"/>
                  <a:gd name="T8" fmla="*/ 10 w 10"/>
                  <a:gd name="T9" fmla="*/ 10 h 10"/>
                  <a:gd name="T10" fmla="*/ 0 w 10"/>
                  <a:gd name="T11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0" h="10">
                    <a:moveTo>
                      <a:pt x="0" y="10"/>
                    </a:moveTo>
                    <a:lnTo>
                      <a:pt x="0" y="10"/>
                    </a:lnTo>
                    <a:lnTo>
                      <a:pt x="0" y="0"/>
                    </a:lnTo>
                    <a:lnTo>
                      <a:pt x="10" y="0"/>
                    </a:lnTo>
                    <a:lnTo>
                      <a:pt x="10" y="10"/>
                    </a:lnTo>
                    <a:lnTo>
                      <a:pt x="0" y="10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03" name="Freeform 178">
                <a:extLst>
                  <a:ext uri="{FF2B5EF4-FFF2-40B4-BE49-F238E27FC236}">
                    <a16:creationId xmlns:a16="http://schemas.microsoft.com/office/drawing/2014/main" id="{5B6B4A13-1736-414C-8653-B0B2C39E667B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951135" y="2857699"/>
                <a:ext cx="79772" cy="53579"/>
              </a:xfrm>
              <a:custGeom>
                <a:avLst/>
                <a:gdLst>
                  <a:gd name="T0" fmla="*/ 27 w 67"/>
                  <a:gd name="T1" fmla="*/ 22 h 45"/>
                  <a:gd name="T2" fmla="*/ 27 w 67"/>
                  <a:gd name="T3" fmla="*/ 22 h 45"/>
                  <a:gd name="T4" fmla="*/ 24 w 67"/>
                  <a:gd name="T5" fmla="*/ 14 h 45"/>
                  <a:gd name="T6" fmla="*/ 17 w 67"/>
                  <a:gd name="T7" fmla="*/ 11 h 45"/>
                  <a:gd name="T8" fmla="*/ 10 w 67"/>
                  <a:gd name="T9" fmla="*/ 14 h 45"/>
                  <a:gd name="T10" fmla="*/ 7 w 67"/>
                  <a:gd name="T11" fmla="*/ 23 h 45"/>
                  <a:gd name="T12" fmla="*/ 10 w 67"/>
                  <a:gd name="T13" fmla="*/ 31 h 45"/>
                  <a:gd name="T14" fmla="*/ 17 w 67"/>
                  <a:gd name="T15" fmla="*/ 34 h 45"/>
                  <a:gd name="T16" fmla="*/ 24 w 67"/>
                  <a:gd name="T17" fmla="*/ 30 h 45"/>
                  <a:gd name="T18" fmla="*/ 27 w 67"/>
                  <a:gd name="T19" fmla="*/ 22 h 45"/>
                  <a:gd name="T20" fmla="*/ 27 w 67"/>
                  <a:gd name="T21" fmla="*/ 22 h 45"/>
                  <a:gd name="T22" fmla="*/ 59 w 67"/>
                  <a:gd name="T23" fmla="*/ 22 h 45"/>
                  <a:gd name="T24" fmla="*/ 59 w 67"/>
                  <a:gd name="T25" fmla="*/ 22 h 45"/>
                  <a:gd name="T26" fmla="*/ 56 w 67"/>
                  <a:gd name="T27" fmla="*/ 12 h 45"/>
                  <a:gd name="T28" fmla="*/ 47 w 67"/>
                  <a:gd name="T29" fmla="*/ 9 h 45"/>
                  <a:gd name="T30" fmla="*/ 37 w 67"/>
                  <a:gd name="T31" fmla="*/ 12 h 45"/>
                  <a:gd name="T32" fmla="*/ 34 w 67"/>
                  <a:gd name="T33" fmla="*/ 22 h 45"/>
                  <a:gd name="T34" fmla="*/ 38 w 67"/>
                  <a:gd name="T35" fmla="*/ 32 h 45"/>
                  <a:gd name="T36" fmla="*/ 47 w 67"/>
                  <a:gd name="T37" fmla="*/ 36 h 45"/>
                  <a:gd name="T38" fmla="*/ 56 w 67"/>
                  <a:gd name="T39" fmla="*/ 32 h 45"/>
                  <a:gd name="T40" fmla="*/ 59 w 67"/>
                  <a:gd name="T41" fmla="*/ 22 h 45"/>
                  <a:gd name="T42" fmla="*/ 59 w 67"/>
                  <a:gd name="T43" fmla="*/ 22 h 45"/>
                  <a:gd name="T44" fmla="*/ 30 w 67"/>
                  <a:gd name="T45" fmla="*/ 33 h 45"/>
                  <a:gd name="T46" fmla="*/ 30 w 67"/>
                  <a:gd name="T47" fmla="*/ 33 h 45"/>
                  <a:gd name="T48" fmla="*/ 27 w 67"/>
                  <a:gd name="T49" fmla="*/ 39 h 45"/>
                  <a:gd name="T50" fmla="*/ 17 w 67"/>
                  <a:gd name="T51" fmla="*/ 42 h 45"/>
                  <a:gd name="T52" fmla="*/ 5 w 67"/>
                  <a:gd name="T53" fmla="*/ 37 h 45"/>
                  <a:gd name="T54" fmla="*/ 0 w 67"/>
                  <a:gd name="T55" fmla="*/ 22 h 45"/>
                  <a:gd name="T56" fmla="*/ 5 w 67"/>
                  <a:gd name="T57" fmla="*/ 7 h 45"/>
                  <a:gd name="T58" fmla="*/ 16 w 67"/>
                  <a:gd name="T59" fmla="*/ 2 h 45"/>
                  <a:gd name="T60" fmla="*/ 26 w 67"/>
                  <a:gd name="T61" fmla="*/ 5 h 45"/>
                  <a:gd name="T62" fmla="*/ 30 w 67"/>
                  <a:gd name="T63" fmla="*/ 11 h 45"/>
                  <a:gd name="T64" fmla="*/ 34 w 67"/>
                  <a:gd name="T65" fmla="*/ 4 h 45"/>
                  <a:gd name="T66" fmla="*/ 46 w 67"/>
                  <a:gd name="T67" fmla="*/ 0 h 45"/>
                  <a:gd name="T68" fmla="*/ 61 w 67"/>
                  <a:gd name="T69" fmla="*/ 6 h 45"/>
                  <a:gd name="T70" fmla="*/ 67 w 67"/>
                  <a:gd name="T71" fmla="*/ 22 h 45"/>
                  <a:gd name="T72" fmla="*/ 62 w 67"/>
                  <a:gd name="T73" fmla="*/ 38 h 45"/>
                  <a:gd name="T74" fmla="*/ 47 w 67"/>
                  <a:gd name="T75" fmla="*/ 45 h 45"/>
                  <a:gd name="T76" fmla="*/ 37 w 67"/>
                  <a:gd name="T77" fmla="*/ 42 h 45"/>
                  <a:gd name="T78" fmla="*/ 30 w 67"/>
                  <a:gd name="T79" fmla="*/ 33 h 45"/>
                  <a:gd name="T80" fmla="*/ 30 w 67"/>
                  <a:gd name="T81" fmla="*/ 33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</a:cxnLst>
                <a:rect l="0" t="0" r="r" b="b"/>
                <a:pathLst>
                  <a:path w="67" h="45">
                    <a:moveTo>
                      <a:pt x="27" y="22"/>
                    </a:moveTo>
                    <a:lnTo>
                      <a:pt x="27" y="22"/>
                    </a:lnTo>
                    <a:cubicBezTo>
                      <a:pt x="27" y="19"/>
                      <a:pt x="26" y="16"/>
                      <a:pt x="24" y="14"/>
                    </a:cubicBezTo>
                    <a:cubicBezTo>
                      <a:pt x="22" y="12"/>
                      <a:pt x="20" y="11"/>
                      <a:pt x="17" y="11"/>
                    </a:cubicBezTo>
                    <a:cubicBezTo>
                      <a:pt x="14" y="11"/>
                      <a:pt x="12" y="12"/>
                      <a:pt x="10" y="14"/>
                    </a:cubicBezTo>
                    <a:cubicBezTo>
                      <a:pt x="8" y="16"/>
                      <a:pt x="7" y="19"/>
                      <a:pt x="7" y="23"/>
                    </a:cubicBezTo>
                    <a:cubicBezTo>
                      <a:pt x="7" y="26"/>
                      <a:pt x="8" y="29"/>
                      <a:pt x="10" y="31"/>
                    </a:cubicBezTo>
                    <a:cubicBezTo>
                      <a:pt x="12" y="33"/>
                      <a:pt x="15" y="34"/>
                      <a:pt x="17" y="34"/>
                    </a:cubicBezTo>
                    <a:cubicBezTo>
                      <a:pt x="20" y="34"/>
                      <a:pt x="23" y="33"/>
                      <a:pt x="24" y="30"/>
                    </a:cubicBezTo>
                    <a:cubicBezTo>
                      <a:pt x="26" y="28"/>
                      <a:pt x="27" y="25"/>
                      <a:pt x="27" y="22"/>
                    </a:cubicBezTo>
                    <a:lnTo>
                      <a:pt x="27" y="22"/>
                    </a:lnTo>
                    <a:close/>
                    <a:moveTo>
                      <a:pt x="59" y="22"/>
                    </a:moveTo>
                    <a:lnTo>
                      <a:pt x="59" y="22"/>
                    </a:lnTo>
                    <a:cubicBezTo>
                      <a:pt x="59" y="18"/>
                      <a:pt x="58" y="15"/>
                      <a:pt x="56" y="12"/>
                    </a:cubicBezTo>
                    <a:cubicBezTo>
                      <a:pt x="54" y="10"/>
                      <a:pt x="51" y="9"/>
                      <a:pt x="47" y="9"/>
                    </a:cubicBezTo>
                    <a:cubicBezTo>
                      <a:pt x="43" y="9"/>
                      <a:pt x="40" y="10"/>
                      <a:pt x="37" y="12"/>
                    </a:cubicBezTo>
                    <a:cubicBezTo>
                      <a:pt x="35" y="15"/>
                      <a:pt x="34" y="18"/>
                      <a:pt x="34" y="22"/>
                    </a:cubicBezTo>
                    <a:cubicBezTo>
                      <a:pt x="34" y="26"/>
                      <a:pt x="35" y="29"/>
                      <a:pt x="38" y="32"/>
                    </a:cubicBezTo>
                    <a:cubicBezTo>
                      <a:pt x="40" y="34"/>
                      <a:pt x="43" y="36"/>
                      <a:pt x="47" y="36"/>
                    </a:cubicBezTo>
                    <a:cubicBezTo>
                      <a:pt x="50" y="36"/>
                      <a:pt x="53" y="34"/>
                      <a:pt x="56" y="32"/>
                    </a:cubicBezTo>
                    <a:cubicBezTo>
                      <a:pt x="58" y="30"/>
                      <a:pt x="59" y="26"/>
                      <a:pt x="59" y="22"/>
                    </a:cubicBezTo>
                    <a:lnTo>
                      <a:pt x="59" y="22"/>
                    </a:lnTo>
                    <a:close/>
                    <a:moveTo>
                      <a:pt x="30" y="33"/>
                    </a:moveTo>
                    <a:lnTo>
                      <a:pt x="30" y="33"/>
                    </a:lnTo>
                    <a:cubicBezTo>
                      <a:pt x="29" y="36"/>
                      <a:pt x="28" y="37"/>
                      <a:pt x="27" y="39"/>
                    </a:cubicBezTo>
                    <a:cubicBezTo>
                      <a:pt x="24" y="41"/>
                      <a:pt x="21" y="42"/>
                      <a:pt x="17" y="42"/>
                    </a:cubicBezTo>
                    <a:cubicBezTo>
                      <a:pt x="12" y="42"/>
                      <a:pt x="8" y="41"/>
                      <a:pt x="5" y="37"/>
                    </a:cubicBezTo>
                    <a:cubicBezTo>
                      <a:pt x="1" y="34"/>
                      <a:pt x="0" y="29"/>
                      <a:pt x="0" y="22"/>
                    </a:cubicBezTo>
                    <a:cubicBezTo>
                      <a:pt x="0" y="16"/>
                      <a:pt x="1" y="11"/>
                      <a:pt x="5" y="7"/>
                    </a:cubicBezTo>
                    <a:cubicBezTo>
                      <a:pt x="8" y="4"/>
                      <a:pt x="12" y="2"/>
                      <a:pt x="16" y="2"/>
                    </a:cubicBezTo>
                    <a:cubicBezTo>
                      <a:pt x="20" y="2"/>
                      <a:pt x="23" y="3"/>
                      <a:pt x="26" y="5"/>
                    </a:cubicBezTo>
                    <a:cubicBezTo>
                      <a:pt x="27" y="6"/>
                      <a:pt x="29" y="8"/>
                      <a:pt x="30" y="11"/>
                    </a:cubicBezTo>
                    <a:cubicBezTo>
                      <a:pt x="31" y="8"/>
                      <a:pt x="33" y="6"/>
                      <a:pt x="34" y="4"/>
                    </a:cubicBezTo>
                    <a:cubicBezTo>
                      <a:pt x="37" y="1"/>
                      <a:pt x="41" y="0"/>
                      <a:pt x="46" y="0"/>
                    </a:cubicBezTo>
                    <a:cubicBezTo>
                      <a:pt x="52" y="0"/>
                      <a:pt x="57" y="2"/>
                      <a:pt x="61" y="6"/>
                    </a:cubicBezTo>
                    <a:cubicBezTo>
                      <a:pt x="65" y="9"/>
                      <a:pt x="67" y="15"/>
                      <a:pt x="67" y="22"/>
                    </a:cubicBezTo>
                    <a:cubicBezTo>
                      <a:pt x="67" y="28"/>
                      <a:pt x="65" y="34"/>
                      <a:pt x="62" y="38"/>
                    </a:cubicBezTo>
                    <a:cubicBezTo>
                      <a:pt x="58" y="42"/>
                      <a:pt x="53" y="45"/>
                      <a:pt x="47" y="45"/>
                    </a:cubicBezTo>
                    <a:cubicBezTo>
                      <a:pt x="43" y="45"/>
                      <a:pt x="39" y="44"/>
                      <a:pt x="37" y="42"/>
                    </a:cubicBezTo>
                    <a:cubicBezTo>
                      <a:pt x="34" y="40"/>
                      <a:pt x="32" y="37"/>
                      <a:pt x="30" y="33"/>
                    </a:cubicBezTo>
                    <a:lnTo>
                      <a:pt x="30" y="33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04" name="Freeform 179">
                <a:extLst>
                  <a:ext uri="{FF2B5EF4-FFF2-40B4-BE49-F238E27FC236}">
                    <a16:creationId xmlns:a16="http://schemas.microsoft.com/office/drawing/2014/main" id="{4C16C833-5647-9F42-9DCF-0F2C13E70A2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9008" y="2852936"/>
                <a:ext cx="2734866" cy="2069306"/>
              </a:xfrm>
              <a:custGeom>
                <a:avLst/>
                <a:gdLst>
                  <a:gd name="T0" fmla="*/ 0 w 2307"/>
                  <a:gd name="T1" fmla="*/ 1739 h 1739"/>
                  <a:gd name="T2" fmla="*/ 0 w 2307"/>
                  <a:gd name="T3" fmla="*/ 1739 h 1739"/>
                  <a:gd name="T4" fmla="*/ 2307 w 2307"/>
                  <a:gd name="T5" fmla="*/ 1739 h 1739"/>
                  <a:gd name="T6" fmla="*/ 2307 w 2307"/>
                  <a:gd name="T7" fmla="*/ 0 h 1739"/>
                  <a:gd name="T8" fmla="*/ 0 w 2307"/>
                  <a:gd name="T9" fmla="*/ 0 h 1739"/>
                  <a:gd name="T10" fmla="*/ 0 w 2307"/>
                  <a:gd name="T11" fmla="*/ 1739 h 173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307" h="1739">
                    <a:moveTo>
                      <a:pt x="0" y="1739"/>
                    </a:moveTo>
                    <a:lnTo>
                      <a:pt x="0" y="1739"/>
                    </a:lnTo>
                    <a:lnTo>
                      <a:pt x="2307" y="1739"/>
                    </a:lnTo>
                    <a:lnTo>
                      <a:pt x="2307" y="0"/>
                    </a:lnTo>
                    <a:lnTo>
                      <a:pt x="0" y="0"/>
                    </a:lnTo>
                    <a:lnTo>
                      <a:pt x="0" y="1739"/>
                    </a:lnTo>
                    <a:close/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05" name="Freeform 181">
                <a:extLst>
                  <a:ext uri="{FF2B5EF4-FFF2-40B4-BE49-F238E27FC236}">
                    <a16:creationId xmlns:a16="http://schemas.microsoft.com/office/drawing/2014/main" id="{317CEE9B-C939-B748-8EA3-CAA78805BDB0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1170210" y="3650655"/>
                <a:ext cx="2532460" cy="917972"/>
              </a:xfrm>
              <a:custGeom>
                <a:avLst/>
                <a:gdLst>
                  <a:gd name="T0" fmla="*/ 0 w 2135"/>
                  <a:gd name="T1" fmla="*/ 772 h 772"/>
                  <a:gd name="T2" fmla="*/ 0 w 2135"/>
                  <a:gd name="T3" fmla="*/ 772 h 772"/>
                  <a:gd name="T4" fmla="*/ 38 w 2135"/>
                  <a:gd name="T5" fmla="*/ 691 h 772"/>
                  <a:gd name="T6" fmla="*/ 101 w 2135"/>
                  <a:gd name="T7" fmla="*/ 555 h 772"/>
                  <a:gd name="T8" fmla="*/ 101 w 2135"/>
                  <a:gd name="T9" fmla="*/ 555 h 772"/>
                  <a:gd name="T10" fmla="*/ 125 w 2135"/>
                  <a:gd name="T11" fmla="*/ 502 h 772"/>
                  <a:gd name="T12" fmla="*/ 143 w 2135"/>
                  <a:gd name="T13" fmla="*/ 475 h 772"/>
                  <a:gd name="T14" fmla="*/ 222 w 2135"/>
                  <a:gd name="T15" fmla="*/ 348 h 772"/>
                  <a:gd name="T16" fmla="*/ 222 w 2135"/>
                  <a:gd name="T17" fmla="*/ 348 h 772"/>
                  <a:gd name="T18" fmla="*/ 251 w 2135"/>
                  <a:gd name="T19" fmla="*/ 303 h 772"/>
                  <a:gd name="T20" fmla="*/ 275 w 2135"/>
                  <a:gd name="T21" fmla="*/ 275 h 772"/>
                  <a:gd name="T22" fmla="*/ 375 w 2135"/>
                  <a:gd name="T23" fmla="*/ 163 h 772"/>
                  <a:gd name="T24" fmla="*/ 375 w 2135"/>
                  <a:gd name="T25" fmla="*/ 163 h 772"/>
                  <a:gd name="T26" fmla="*/ 377 w 2135"/>
                  <a:gd name="T27" fmla="*/ 161 h 772"/>
                  <a:gd name="T28" fmla="*/ 447 w 2135"/>
                  <a:gd name="T29" fmla="*/ 109 h 772"/>
                  <a:gd name="T30" fmla="*/ 577 w 2135"/>
                  <a:gd name="T31" fmla="*/ 37 h 772"/>
                  <a:gd name="T32" fmla="*/ 577 w 2135"/>
                  <a:gd name="T33" fmla="*/ 37 h 772"/>
                  <a:gd name="T34" fmla="*/ 628 w 2135"/>
                  <a:gd name="T35" fmla="*/ 16 h 772"/>
                  <a:gd name="T36" fmla="*/ 662 w 2135"/>
                  <a:gd name="T37" fmla="*/ 11 h 772"/>
                  <a:gd name="T38" fmla="*/ 811 w 2135"/>
                  <a:gd name="T39" fmla="*/ 0 h 772"/>
                  <a:gd name="T40" fmla="*/ 811 w 2135"/>
                  <a:gd name="T41" fmla="*/ 0 h 772"/>
                  <a:gd name="T42" fmla="*/ 879 w 2135"/>
                  <a:gd name="T43" fmla="*/ 3 h 772"/>
                  <a:gd name="T44" fmla="*/ 901 w 2135"/>
                  <a:gd name="T45" fmla="*/ 8 h 772"/>
                  <a:gd name="T46" fmla="*/ 1046 w 2135"/>
                  <a:gd name="T47" fmla="*/ 45 h 772"/>
                  <a:gd name="T48" fmla="*/ 1046 w 2135"/>
                  <a:gd name="T49" fmla="*/ 45 h 772"/>
                  <a:gd name="T50" fmla="*/ 1130 w 2135"/>
                  <a:gd name="T51" fmla="*/ 74 h 772"/>
                  <a:gd name="T52" fmla="*/ 1131 w 2135"/>
                  <a:gd name="T53" fmla="*/ 74 h 772"/>
                  <a:gd name="T54" fmla="*/ 1268 w 2135"/>
                  <a:gd name="T55" fmla="*/ 134 h 772"/>
                  <a:gd name="T56" fmla="*/ 1268 w 2135"/>
                  <a:gd name="T57" fmla="*/ 134 h 772"/>
                  <a:gd name="T58" fmla="*/ 1349 w 2135"/>
                  <a:gd name="T59" fmla="*/ 174 h 772"/>
                  <a:gd name="T60" fmla="*/ 1481 w 2135"/>
                  <a:gd name="T61" fmla="*/ 244 h 772"/>
                  <a:gd name="T62" fmla="*/ 1481 w 2135"/>
                  <a:gd name="T63" fmla="*/ 244 h 772"/>
                  <a:gd name="T64" fmla="*/ 1507 w 2135"/>
                  <a:gd name="T65" fmla="*/ 258 h 772"/>
                  <a:gd name="T66" fmla="*/ 1561 w 2135"/>
                  <a:gd name="T67" fmla="*/ 287 h 772"/>
                  <a:gd name="T68" fmla="*/ 1692 w 2135"/>
                  <a:gd name="T69" fmla="*/ 359 h 772"/>
                  <a:gd name="T70" fmla="*/ 1692 w 2135"/>
                  <a:gd name="T71" fmla="*/ 359 h 772"/>
                  <a:gd name="T72" fmla="*/ 1758 w 2135"/>
                  <a:gd name="T73" fmla="*/ 395 h 772"/>
                  <a:gd name="T74" fmla="*/ 1771 w 2135"/>
                  <a:gd name="T75" fmla="*/ 402 h 772"/>
                  <a:gd name="T76" fmla="*/ 1904 w 2135"/>
                  <a:gd name="T77" fmla="*/ 471 h 772"/>
                  <a:gd name="T78" fmla="*/ 1904 w 2135"/>
                  <a:gd name="T79" fmla="*/ 471 h 772"/>
                  <a:gd name="T80" fmla="*/ 1985 w 2135"/>
                  <a:gd name="T81" fmla="*/ 512 h 772"/>
                  <a:gd name="T82" fmla="*/ 2121 w 2135"/>
                  <a:gd name="T83" fmla="*/ 575 h 772"/>
                  <a:gd name="T84" fmla="*/ 2121 w 2135"/>
                  <a:gd name="T85" fmla="*/ 575 h 772"/>
                  <a:gd name="T86" fmla="*/ 2135 w 2135"/>
                  <a:gd name="T87" fmla="*/ 582 h 77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</a:cxnLst>
                <a:rect l="0" t="0" r="r" b="b"/>
                <a:pathLst>
                  <a:path w="2135" h="772">
                    <a:moveTo>
                      <a:pt x="0" y="772"/>
                    </a:moveTo>
                    <a:lnTo>
                      <a:pt x="0" y="772"/>
                    </a:lnTo>
                    <a:lnTo>
                      <a:pt x="38" y="691"/>
                    </a:lnTo>
                    <a:moveTo>
                      <a:pt x="101" y="555"/>
                    </a:moveTo>
                    <a:lnTo>
                      <a:pt x="101" y="555"/>
                    </a:lnTo>
                    <a:lnTo>
                      <a:pt x="125" y="502"/>
                    </a:lnTo>
                    <a:lnTo>
                      <a:pt x="143" y="475"/>
                    </a:lnTo>
                    <a:moveTo>
                      <a:pt x="222" y="348"/>
                    </a:moveTo>
                    <a:lnTo>
                      <a:pt x="222" y="348"/>
                    </a:lnTo>
                    <a:lnTo>
                      <a:pt x="251" y="303"/>
                    </a:lnTo>
                    <a:lnTo>
                      <a:pt x="275" y="275"/>
                    </a:lnTo>
                    <a:moveTo>
                      <a:pt x="375" y="163"/>
                    </a:moveTo>
                    <a:lnTo>
                      <a:pt x="375" y="163"/>
                    </a:lnTo>
                    <a:lnTo>
                      <a:pt x="377" y="161"/>
                    </a:lnTo>
                    <a:lnTo>
                      <a:pt x="447" y="109"/>
                    </a:lnTo>
                    <a:moveTo>
                      <a:pt x="577" y="37"/>
                    </a:moveTo>
                    <a:lnTo>
                      <a:pt x="577" y="37"/>
                    </a:lnTo>
                    <a:lnTo>
                      <a:pt x="628" y="16"/>
                    </a:lnTo>
                    <a:lnTo>
                      <a:pt x="662" y="11"/>
                    </a:lnTo>
                    <a:moveTo>
                      <a:pt x="811" y="0"/>
                    </a:moveTo>
                    <a:lnTo>
                      <a:pt x="811" y="0"/>
                    </a:lnTo>
                    <a:lnTo>
                      <a:pt x="879" y="3"/>
                    </a:lnTo>
                    <a:lnTo>
                      <a:pt x="901" y="8"/>
                    </a:lnTo>
                    <a:moveTo>
                      <a:pt x="1046" y="45"/>
                    </a:moveTo>
                    <a:lnTo>
                      <a:pt x="1046" y="45"/>
                    </a:lnTo>
                    <a:lnTo>
                      <a:pt x="1130" y="74"/>
                    </a:lnTo>
                    <a:lnTo>
                      <a:pt x="1131" y="74"/>
                    </a:lnTo>
                    <a:moveTo>
                      <a:pt x="1268" y="134"/>
                    </a:moveTo>
                    <a:lnTo>
                      <a:pt x="1268" y="134"/>
                    </a:lnTo>
                    <a:lnTo>
                      <a:pt x="1349" y="174"/>
                    </a:lnTo>
                    <a:moveTo>
                      <a:pt x="1481" y="244"/>
                    </a:moveTo>
                    <a:lnTo>
                      <a:pt x="1481" y="244"/>
                    </a:lnTo>
                    <a:lnTo>
                      <a:pt x="1507" y="258"/>
                    </a:lnTo>
                    <a:lnTo>
                      <a:pt x="1561" y="287"/>
                    </a:lnTo>
                    <a:moveTo>
                      <a:pt x="1692" y="359"/>
                    </a:moveTo>
                    <a:lnTo>
                      <a:pt x="1692" y="359"/>
                    </a:lnTo>
                    <a:lnTo>
                      <a:pt x="1758" y="395"/>
                    </a:lnTo>
                    <a:lnTo>
                      <a:pt x="1771" y="402"/>
                    </a:lnTo>
                    <a:moveTo>
                      <a:pt x="1904" y="471"/>
                    </a:moveTo>
                    <a:lnTo>
                      <a:pt x="1904" y="471"/>
                    </a:lnTo>
                    <a:lnTo>
                      <a:pt x="1985" y="512"/>
                    </a:lnTo>
                    <a:moveTo>
                      <a:pt x="2121" y="575"/>
                    </a:moveTo>
                    <a:lnTo>
                      <a:pt x="2121" y="575"/>
                    </a:lnTo>
                    <a:lnTo>
                      <a:pt x="2135" y="582"/>
                    </a:lnTo>
                  </a:path>
                </a:pathLst>
              </a:custGeom>
              <a:noFill/>
              <a:ln w="47625" cap="rnd">
                <a:solidFill>
                  <a:srgbClr val="FFFFFF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</p:grpSp>
        <p:sp>
          <p:nvSpPr>
            <p:cNvPr id="106" name="Freeform 105">
              <a:extLst>
                <a:ext uri="{FF2B5EF4-FFF2-40B4-BE49-F238E27FC236}">
                  <a16:creationId xmlns:a16="http://schemas.microsoft.com/office/drawing/2014/main" id="{D92258F0-788B-784C-A123-61CDBE9C2D01}"/>
                </a:ext>
              </a:extLst>
            </p:cNvPr>
            <p:cNvSpPr/>
            <p:nvPr/>
          </p:nvSpPr>
          <p:spPr bwMode="auto">
            <a:xfrm>
              <a:off x="4589499" y="3438682"/>
              <a:ext cx="3673336" cy="1784213"/>
            </a:xfrm>
            <a:custGeom>
              <a:avLst/>
              <a:gdLst>
                <a:gd name="connsiteX0" fmla="*/ 0 w 2623457"/>
                <a:gd name="connsiteY0" fmla="*/ 1241021 h 1241021"/>
                <a:gd name="connsiteX1" fmla="*/ 435428 w 2623457"/>
                <a:gd name="connsiteY1" fmla="*/ 348392 h 1241021"/>
                <a:gd name="connsiteX2" fmla="*/ 957943 w 2623457"/>
                <a:gd name="connsiteY2" fmla="*/ 49 h 1241021"/>
                <a:gd name="connsiteX3" fmla="*/ 1785257 w 2623457"/>
                <a:gd name="connsiteY3" fmla="*/ 326621 h 1241021"/>
                <a:gd name="connsiteX4" fmla="*/ 2623457 w 2623457"/>
                <a:gd name="connsiteY4" fmla="*/ 805592 h 1241021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2623457" h="1241021">
                  <a:moveTo>
                    <a:pt x="0" y="1241021"/>
                  </a:moveTo>
                  <a:cubicBezTo>
                    <a:pt x="137885" y="898121"/>
                    <a:pt x="275771" y="555221"/>
                    <a:pt x="435428" y="348392"/>
                  </a:cubicBezTo>
                  <a:cubicBezTo>
                    <a:pt x="595085" y="141563"/>
                    <a:pt x="732972" y="3677"/>
                    <a:pt x="957943" y="49"/>
                  </a:cubicBezTo>
                  <a:cubicBezTo>
                    <a:pt x="1182914" y="-3579"/>
                    <a:pt x="1507671" y="192364"/>
                    <a:pt x="1785257" y="326621"/>
                  </a:cubicBezTo>
                  <a:cubicBezTo>
                    <a:pt x="2062843" y="460878"/>
                    <a:pt x="2343150" y="633235"/>
                    <a:pt x="2623457" y="805592"/>
                  </a:cubicBezTo>
                </a:path>
              </a:pathLst>
            </a:custGeom>
            <a:noFill/>
            <a:ln w="57150" cap="flat" cmpd="sng" algn="ctr">
              <a:solidFill>
                <a:schemeClr val="accent4"/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50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GB" sz="1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80" charset="-128"/>
              </a:endParaRPr>
            </a:p>
          </p:txBody>
        </p:sp>
        <p:grpSp>
          <p:nvGrpSpPr>
            <p:cNvPr id="107" name="Group 106">
              <a:extLst>
                <a:ext uri="{FF2B5EF4-FFF2-40B4-BE49-F238E27FC236}">
                  <a16:creationId xmlns:a16="http://schemas.microsoft.com/office/drawing/2014/main" id="{F5D05B22-7DD6-BB4B-8E3A-2A0812A01293}"/>
                </a:ext>
              </a:extLst>
            </p:cNvPr>
            <p:cNvGrpSpPr/>
            <p:nvPr/>
          </p:nvGrpSpPr>
          <p:grpSpPr>
            <a:xfrm>
              <a:off x="4881760" y="1428023"/>
              <a:ext cx="4754722" cy="1250156"/>
              <a:chOff x="3870477" y="-728614"/>
              <a:chExt cx="8452837" cy="2222500"/>
            </a:xfrm>
          </p:grpSpPr>
          <p:pic>
            <p:nvPicPr>
              <p:cNvPr id="108" name="Picture 107" descr="Herring.png">
                <a:extLst>
                  <a:ext uri="{FF2B5EF4-FFF2-40B4-BE49-F238E27FC236}">
                    <a16:creationId xmlns:a16="http://schemas.microsoft.com/office/drawing/2014/main" id="{0E9DD01A-1E70-7747-871D-293E42684F84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5060120" y="164277"/>
                <a:ext cx="1676288" cy="609559"/>
              </a:xfrm>
              <a:prstGeom prst="rect">
                <a:avLst/>
              </a:prstGeom>
            </p:spPr>
          </p:pic>
          <p:pic>
            <p:nvPicPr>
              <p:cNvPr id="109" name="Picture 108" descr="Sprat.png">
                <a:extLst>
                  <a:ext uri="{FF2B5EF4-FFF2-40B4-BE49-F238E27FC236}">
                    <a16:creationId xmlns:a16="http://schemas.microsoft.com/office/drawing/2014/main" id="{E55E3417-62D6-2546-A836-B9524DA2F26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3870477" y="382451"/>
                <a:ext cx="671154" cy="271317"/>
              </a:xfrm>
              <a:prstGeom prst="rect">
                <a:avLst/>
              </a:prstGeom>
            </p:spPr>
          </p:pic>
          <p:pic>
            <p:nvPicPr>
              <p:cNvPr id="110" name="Picture 109" descr="Cod2.gif">
                <a:extLst>
                  <a:ext uri="{FF2B5EF4-FFF2-40B4-BE49-F238E27FC236}">
                    <a16:creationId xmlns:a16="http://schemas.microsoft.com/office/drawing/2014/main" id="{566BE89B-EF79-524D-9ED2-F4BA08B2880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6925815" y="-728614"/>
                <a:ext cx="5397499" cy="2222500"/>
              </a:xfrm>
              <a:prstGeom prst="rect">
                <a:avLst/>
              </a:prstGeom>
            </p:spPr>
          </p:pic>
        </p:grpSp>
        <p:sp>
          <p:nvSpPr>
            <p:cNvPr id="3" name="TextBox 2">
              <a:extLst>
                <a:ext uri="{FF2B5EF4-FFF2-40B4-BE49-F238E27FC236}">
                  <a16:creationId xmlns:a16="http://schemas.microsoft.com/office/drawing/2014/main" id="{D1F78A2B-E76A-0845-89D9-8D55F8AFE929}"/>
                </a:ext>
              </a:extLst>
            </p:cNvPr>
            <p:cNvSpPr txBox="1"/>
            <p:nvPr/>
          </p:nvSpPr>
          <p:spPr>
            <a:xfrm>
              <a:off x="5656258" y="5621067"/>
              <a:ext cx="2332690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dirty="0"/>
                <a:t>Maximum weight (g)</a:t>
              </a:r>
            </a:p>
          </p:txBody>
        </p:sp>
      </p:grpSp>
      <p:cxnSp>
        <p:nvCxnSpPr>
          <p:cNvPr id="112" name="Straight Arrow Connector 111">
            <a:extLst>
              <a:ext uri="{FF2B5EF4-FFF2-40B4-BE49-F238E27FC236}">
                <a16:creationId xmlns:a16="http://schemas.microsoft.com/office/drawing/2014/main" id="{F406E4AC-E5C7-8A41-9275-E4786E7A9F05}"/>
              </a:ext>
            </a:extLst>
          </p:cNvPr>
          <p:cNvCxnSpPr/>
          <p:nvPr/>
        </p:nvCxnSpPr>
        <p:spPr bwMode="auto">
          <a:xfrm>
            <a:off x="762600" y="4711375"/>
            <a:ext cx="2945304" cy="0"/>
          </a:xfrm>
          <a:prstGeom prst="straightConnector1">
            <a:avLst/>
          </a:prstGeom>
          <a:solidFill>
            <a:schemeClr val="accent1"/>
          </a:solidFill>
          <a:ln w="31750" cap="flat" cmpd="sng" algn="ctr">
            <a:solidFill>
              <a:schemeClr val="bg1">
                <a:lumMod val="50000"/>
              </a:schemeClr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113" name="Straight Arrow Connector 112">
            <a:extLst>
              <a:ext uri="{FF2B5EF4-FFF2-40B4-BE49-F238E27FC236}">
                <a16:creationId xmlns:a16="http://schemas.microsoft.com/office/drawing/2014/main" id="{38E8CEA7-9296-E34D-AC4D-5B0AEB0227FB}"/>
              </a:ext>
            </a:extLst>
          </p:cNvPr>
          <p:cNvCxnSpPr>
            <a:cxnSpLocks/>
          </p:cNvCxnSpPr>
          <p:nvPr/>
        </p:nvCxnSpPr>
        <p:spPr bwMode="auto">
          <a:xfrm flipV="1">
            <a:off x="774086" y="2078248"/>
            <a:ext cx="0" cy="2658162"/>
          </a:xfrm>
          <a:prstGeom prst="straightConnector1">
            <a:avLst/>
          </a:prstGeom>
          <a:solidFill>
            <a:schemeClr val="accent1"/>
          </a:solidFill>
          <a:ln w="31750" cap="flat" cmpd="sng" algn="ctr">
            <a:solidFill>
              <a:schemeClr val="bg1">
                <a:lumMod val="50000"/>
              </a:schemeClr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15" name="TextBox 114">
            <a:extLst>
              <a:ext uri="{FF2B5EF4-FFF2-40B4-BE49-F238E27FC236}">
                <a16:creationId xmlns:a16="http://schemas.microsoft.com/office/drawing/2014/main" id="{1F100A76-AFE0-0E4C-8A1C-F8AECC2E4D5B}"/>
              </a:ext>
            </a:extLst>
          </p:cNvPr>
          <p:cNvSpPr txBox="1"/>
          <p:nvPr/>
        </p:nvSpPr>
        <p:spPr>
          <a:xfrm>
            <a:off x="1335898" y="4736410"/>
            <a:ext cx="191328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/>
              <a:t>Fishing mortality</a:t>
            </a:r>
          </a:p>
        </p:txBody>
      </p:sp>
      <p:sp>
        <p:nvSpPr>
          <p:cNvPr id="116" name="Freeform 115">
            <a:extLst>
              <a:ext uri="{FF2B5EF4-FFF2-40B4-BE49-F238E27FC236}">
                <a16:creationId xmlns:a16="http://schemas.microsoft.com/office/drawing/2014/main" id="{92BDCAD7-BC65-1F4A-961B-460974C60AF6}"/>
              </a:ext>
            </a:extLst>
          </p:cNvPr>
          <p:cNvSpPr/>
          <p:nvPr/>
        </p:nvSpPr>
        <p:spPr bwMode="auto">
          <a:xfrm>
            <a:off x="772886" y="2980895"/>
            <a:ext cx="2917371" cy="1710848"/>
          </a:xfrm>
          <a:custGeom>
            <a:avLst/>
            <a:gdLst>
              <a:gd name="connsiteX0" fmla="*/ 0 w 2917371"/>
              <a:gd name="connsiteY0" fmla="*/ 1710848 h 1710848"/>
              <a:gd name="connsiteX1" fmla="*/ 555171 w 2917371"/>
              <a:gd name="connsiteY1" fmla="*/ 644048 h 1710848"/>
              <a:gd name="connsiteX2" fmla="*/ 1502228 w 2917371"/>
              <a:gd name="connsiteY2" fmla="*/ 1791 h 1710848"/>
              <a:gd name="connsiteX3" fmla="*/ 2416628 w 2917371"/>
              <a:gd name="connsiteY3" fmla="*/ 480762 h 1710848"/>
              <a:gd name="connsiteX4" fmla="*/ 2917371 w 2917371"/>
              <a:gd name="connsiteY4" fmla="*/ 1308076 h 171084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917371" h="1710848">
                <a:moveTo>
                  <a:pt x="0" y="1710848"/>
                </a:moveTo>
                <a:cubicBezTo>
                  <a:pt x="152400" y="1319869"/>
                  <a:pt x="304800" y="928891"/>
                  <a:pt x="555171" y="644048"/>
                </a:cubicBezTo>
                <a:cubicBezTo>
                  <a:pt x="805542" y="359205"/>
                  <a:pt x="1191985" y="29005"/>
                  <a:pt x="1502228" y="1791"/>
                </a:cubicBezTo>
                <a:cubicBezTo>
                  <a:pt x="1812471" y="-25423"/>
                  <a:pt x="2180771" y="263048"/>
                  <a:pt x="2416628" y="480762"/>
                </a:cubicBezTo>
                <a:cubicBezTo>
                  <a:pt x="2652485" y="698476"/>
                  <a:pt x="2784928" y="1003276"/>
                  <a:pt x="2917371" y="1308076"/>
                </a:cubicBezTo>
              </a:path>
            </a:pathLst>
          </a:custGeom>
          <a:noFill/>
          <a:ln w="50800" cap="flat" cmpd="sng" algn="ctr">
            <a:solidFill>
              <a:schemeClr val="tx2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117" name="TextBox 116">
            <a:extLst>
              <a:ext uri="{FF2B5EF4-FFF2-40B4-BE49-F238E27FC236}">
                <a16:creationId xmlns:a16="http://schemas.microsoft.com/office/drawing/2014/main" id="{25850928-A75B-A64D-BF89-899B4A930013}"/>
              </a:ext>
            </a:extLst>
          </p:cNvPr>
          <p:cNvSpPr txBox="1"/>
          <p:nvPr/>
        </p:nvSpPr>
        <p:spPr>
          <a:xfrm rot="16200000">
            <a:off x="210302" y="3144081"/>
            <a:ext cx="673582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/>
              <a:t>Yield</a:t>
            </a:r>
          </a:p>
        </p:txBody>
      </p:sp>
      <p:cxnSp>
        <p:nvCxnSpPr>
          <p:cNvPr id="119" name="Straight Arrow Connector 118">
            <a:extLst>
              <a:ext uri="{FF2B5EF4-FFF2-40B4-BE49-F238E27FC236}">
                <a16:creationId xmlns:a16="http://schemas.microsoft.com/office/drawing/2014/main" id="{0B69EBAB-631D-B849-AA5E-54323100A7AF}"/>
              </a:ext>
            </a:extLst>
          </p:cNvPr>
          <p:cNvCxnSpPr/>
          <p:nvPr/>
        </p:nvCxnSpPr>
        <p:spPr bwMode="auto">
          <a:xfrm>
            <a:off x="2329058" y="2429600"/>
            <a:ext cx="10851" cy="551295"/>
          </a:xfrm>
          <a:prstGeom prst="straightConnector1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120" name="TextBox 119">
            <a:extLst>
              <a:ext uri="{FF2B5EF4-FFF2-40B4-BE49-F238E27FC236}">
                <a16:creationId xmlns:a16="http://schemas.microsoft.com/office/drawing/2014/main" id="{9BCE75DB-C274-C944-AD9C-2E677C50D93B}"/>
              </a:ext>
            </a:extLst>
          </p:cNvPr>
          <p:cNvSpPr txBox="1"/>
          <p:nvPr/>
        </p:nvSpPr>
        <p:spPr>
          <a:xfrm>
            <a:off x="1993836" y="2083818"/>
            <a:ext cx="587020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i="1" dirty="0">
                <a:solidFill>
                  <a:schemeClr val="accent4"/>
                </a:solidFill>
              </a:rPr>
              <a:t>F</a:t>
            </a:r>
            <a:r>
              <a:rPr lang="en-GB" baseline="-25000" dirty="0">
                <a:solidFill>
                  <a:schemeClr val="accent4"/>
                </a:solidFill>
              </a:rPr>
              <a:t>msy</a:t>
            </a:r>
          </a:p>
        </p:txBody>
      </p:sp>
    </p:spTree>
    <p:extLst>
      <p:ext uri="{BB962C8B-B14F-4D97-AF65-F5344CB8AC3E}">
        <p14:creationId xmlns:p14="http://schemas.microsoft.com/office/powerpoint/2010/main" val="374586749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854" name="Line 446"/>
          <p:cNvSpPr>
            <a:spLocks noChangeShapeType="1"/>
          </p:cNvSpPr>
          <p:nvPr/>
        </p:nvSpPr>
        <p:spPr bwMode="auto">
          <a:xfrm>
            <a:off x="992188" y="6108701"/>
            <a:ext cx="72612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56" name="Line 448"/>
          <p:cNvSpPr>
            <a:spLocks noChangeShapeType="1"/>
          </p:cNvSpPr>
          <p:nvPr/>
        </p:nvSpPr>
        <p:spPr bwMode="auto">
          <a:xfrm flipV="1">
            <a:off x="992188" y="373063"/>
            <a:ext cx="1588" cy="573563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57" name="Line 449"/>
          <p:cNvSpPr>
            <a:spLocks noChangeShapeType="1"/>
          </p:cNvSpPr>
          <p:nvPr/>
        </p:nvSpPr>
        <p:spPr bwMode="auto">
          <a:xfrm>
            <a:off x="992188" y="6108701"/>
            <a:ext cx="72612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58" name="Line 450"/>
          <p:cNvSpPr>
            <a:spLocks noChangeShapeType="1"/>
          </p:cNvSpPr>
          <p:nvPr/>
        </p:nvSpPr>
        <p:spPr bwMode="auto">
          <a:xfrm flipV="1">
            <a:off x="992188" y="373063"/>
            <a:ext cx="1588" cy="573563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59" name="Line 451"/>
          <p:cNvSpPr>
            <a:spLocks noChangeShapeType="1"/>
          </p:cNvSpPr>
          <p:nvPr/>
        </p:nvSpPr>
        <p:spPr bwMode="auto">
          <a:xfrm flipV="1">
            <a:off x="99218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60" name="Line 452"/>
          <p:cNvSpPr>
            <a:spLocks noChangeShapeType="1"/>
          </p:cNvSpPr>
          <p:nvPr/>
        </p:nvSpPr>
        <p:spPr bwMode="auto">
          <a:xfrm>
            <a:off x="992188" y="373063"/>
            <a:ext cx="1588" cy="238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61" name="Line 453"/>
          <p:cNvSpPr>
            <a:spLocks noChangeShapeType="1"/>
          </p:cNvSpPr>
          <p:nvPr/>
        </p:nvSpPr>
        <p:spPr bwMode="auto">
          <a:xfrm flipV="1">
            <a:off x="992188" y="6035676"/>
            <a:ext cx="1588" cy="73025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62" name="Line 454"/>
          <p:cNvSpPr>
            <a:spLocks noChangeShapeType="1"/>
          </p:cNvSpPr>
          <p:nvPr/>
        </p:nvSpPr>
        <p:spPr bwMode="auto">
          <a:xfrm>
            <a:off x="992188" y="373063"/>
            <a:ext cx="1588" cy="60325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65" name="Line 457"/>
          <p:cNvSpPr>
            <a:spLocks noChangeShapeType="1"/>
          </p:cNvSpPr>
          <p:nvPr/>
        </p:nvSpPr>
        <p:spPr bwMode="auto">
          <a:xfrm flipV="1">
            <a:off x="129698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67" name="Line 459"/>
          <p:cNvSpPr>
            <a:spLocks noChangeShapeType="1"/>
          </p:cNvSpPr>
          <p:nvPr/>
        </p:nvSpPr>
        <p:spPr bwMode="auto">
          <a:xfrm flipV="1">
            <a:off x="147955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69" name="Line 461"/>
          <p:cNvSpPr>
            <a:spLocks noChangeShapeType="1"/>
          </p:cNvSpPr>
          <p:nvPr/>
        </p:nvSpPr>
        <p:spPr bwMode="auto">
          <a:xfrm flipV="1">
            <a:off x="161448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71" name="Line 463"/>
          <p:cNvSpPr>
            <a:spLocks noChangeShapeType="1"/>
          </p:cNvSpPr>
          <p:nvPr/>
        </p:nvSpPr>
        <p:spPr bwMode="auto">
          <a:xfrm flipV="1">
            <a:off x="171132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73" name="Line 465"/>
          <p:cNvSpPr>
            <a:spLocks noChangeShapeType="1"/>
          </p:cNvSpPr>
          <p:nvPr/>
        </p:nvSpPr>
        <p:spPr bwMode="auto">
          <a:xfrm flipV="1">
            <a:off x="179705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75" name="Line 467"/>
          <p:cNvSpPr>
            <a:spLocks noChangeShapeType="1"/>
          </p:cNvSpPr>
          <p:nvPr/>
        </p:nvSpPr>
        <p:spPr bwMode="auto">
          <a:xfrm flipV="1">
            <a:off x="185896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77" name="Line 469"/>
          <p:cNvSpPr>
            <a:spLocks noChangeShapeType="1"/>
          </p:cNvSpPr>
          <p:nvPr/>
        </p:nvSpPr>
        <p:spPr bwMode="auto">
          <a:xfrm flipV="1">
            <a:off x="191928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79" name="Line 471"/>
          <p:cNvSpPr>
            <a:spLocks noChangeShapeType="1"/>
          </p:cNvSpPr>
          <p:nvPr/>
        </p:nvSpPr>
        <p:spPr bwMode="auto">
          <a:xfrm flipV="1">
            <a:off x="197961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81" name="Line 473"/>
          <p:cNvSpPr>
            <a:spLocks noChangeShapeType="1"/>
          </p:cNvSpPr>
          <p:nvPr/>
        </p:nvSpPr>
        <p:spPr bwMode="auto">
          <a:xfrm flipV="1">
            <a:off x="202882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83" name="Line 475"/>
          <p:cNvSpPr>
            <a:spLocks noChangeShapeType="1"/>
          </p:cNvSpPr>
          <p:nvPr/>
        </p:nvSpPr>
        <p:spPr bwMode="auto">
          <a:xfrm flipV="1">
            <a:off x="2028825" y="6035676"/>
            <a:ext cx="1588" cy="73025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87" name="Line 479"/>
          <p:cNvSpPr>
            <a:spLocks noChangeShapeType="1"/>
          </p:cNvSpPr>
          <p:nvPr/>
        </p:nvSpPr>
        <p:spPr bwMode="auto">
          <a:xfrm flipV="1">
            <a:off x="233362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89" name="Line 481"/>
          <p:cNvSpPr>
            <a:spLocks noChangeShapeType="1"/>
          </p:cNvSpPr>
          <p:nvPr/>
        </p:nvSpPr>
        <p:spPr bwMode="auto">
          <a:xfrm flipV="1">
            <a:off x="251777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91" name="Line 483"/>
          <p:cNvSpPr>
            <a:spLocks noChangeShapeType="1"/>
          </p:cNvSpPr>
          <p:nvPr/>
        </p:nvSpPr>
        <p:spPr bwMode="auto">
          <a:xfrm flipV="1">
            <a:off x="265112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93" name="Line 485"/>
          <p:cNvSpPr>
            <a:spLocks noChangeShapeType="1"/>
          </p:cNvSpPr>
          <p:nvPr/>
        </p:nvSpPr>
        <p:spPr bwMode="auto">
          <a:xfrm flipV="1">
            <a:off x="274955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95" name="Line 487"/>
          <p:cNvSpPr>
            <a:spLocks noChangeShapeType="1"/>
          </p:cNvSpPr>
          <p:nvPr/>
        </p:nvSpPr>
        <p:spPr bwMode="auto">
          <a:xfrm flipV="1">
            <a:off x="283527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97" name="Line 489"/>
          <p:cNvSpPr>
            <a:spLocks noChangeShapeType="1"/>
          </p:cNvSpPr>
          <p:nvPr/>
        </p:nvSpPr>
        <p:spPr bwMode="auto">
          <a:xfrm flipV="1">
            <a:off x="289560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99" name="Line 491"/>
          <p:cNvSpPr>
            <a:spLocks noChangeShapeType="1"/>
          </p:cNvSpPr>
          <p:nvPr/>
        </p:nvSpPr>
        <p:spPr bwMode="auto">
          <a:xfrm flipV="1">
            <a:off x="295592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01" name="Line 493"/>
          <p:cNvSpPr>
            <a:spLocks noChangeShapeType="1"/>
          </p:cNvSpPr>
          <p:nvPr/>
        </p:nvSpPr>
        <p:spPr bwMode="auto">
          <a:xfrm flipV="1">
            <a:off x="301783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03" name="Line 495"/>
          <p:cNvSpPr>
            <a:spLocks noChangeShapeType="1"/>
          </p:cNvSpPr>
          <p:nvPr/>
        </p:nvSpPr>
        <p:spPr bwMode="auto">
          <a:xfrm flipV="1">
            <a:off x="306705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05" name="Line 497"/>
          <p:cNvSpPr>
            <a:spLocks noChangeShapeType="1"/>
          </p:cNvSpPr>
          <p:nvPr/>
        </p:nvSpPr>
        <p:spPr bwMode="auto">
          <a:xfrm flipV="1">
            <a:off x="3067050" y="6035676"/>
            <a:ext cx="1588" cy="73025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09" name="Line 501"/>
          <p:cNvSpPr>
            <a:spLocks noChangeShapeType="1"/>
          </p:cNvSpPr>
          <p:nvPr/>
        </p:nvSpPr>
        <p:spPr bwMode="auto">
          <a:xfrm flipV="1">
            <a:off x="337185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11" name="Line 503"/>
          <p:cNvSpPr>
            <a:spLocks noChangeShapeType="1"/>
          </p:cNvSpPr>
          <p:nvPr/>
        </p:nvSpPr>
        <p:spPr bwMode="auto">
          <a:xfrm flipV="1">
            <a:off x="355441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13" name="Line 505"/>
          <p:cNvSpPr>
            <a:spLocks noChangeShapeType="1"/>
          </p:cNvSpPr>
          <p:nvPr/>
        </p:nvSpPr>
        <p:spPr bwMode="auto">
          <a:xfrm flipV="1">
            <a:off x="368935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15" name="Line 507"/>
          <p:cNvSpPr>
            <a:spLocks noChangeShapeType="1"/>
          </p:cNvSpPr>
          <p:nvPr/>
        </p:nvSpPr>
        <p:spPr bwMode="auto">
          <a:xfrm flipV="1">
            <a:off x="378618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17" name="Line 509"/>
          <p:cNvSpPr>
            <a:spLocks noChangeShapeType="1"/>
          </p:cNvSpPr>
          <p:nvPr/>
        </p:nvSpPr>
        <p:spPr bwMode="auto">
          <a:xfrm flipV="1">
            <a:off x="387191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19" name="Line 511"/>
          <p:cNvSpPr>
            <a:spLocks noChangeShapeType="1"/>
          </p:cNvSpPr>
          <p:nvPr/>
        </p:nvSpPr>
        <p:spPr bwMode="auto">
          <a:xfrm flipV="1">
            <a:off x="393223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21" name="Line 513"/>
          <p:cNvSpPr>
            <a:spLocks noChangeShapeType="1"/>
          </p:cNvSpPr>
          <p:nvPr/>
        </p:nvSpPr>
        <p:spPr bwMode="auto">
          <a:xfrm flipV="1">
            <a:off x="399415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23" name="Line 515"/>
          <p:cNvSpPr>
            <a:spLocks noChangeShapeType="1"/>
          </p:cNvSpPr>
          <p:nvPr/>
        </p:nvSpPr>
        <p:spPr bwMode="auto">
          <a:xfrm flipV="1">
            <a:off x="405447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25" name="Line 517"/>
          <p:cNvSpPr>
            <a:spLocks noChangeShapeType="1"/>
          </p:cNvSpPr>
          <p:nvPr/>
        </p:nvSpPr>
        <p:spPr bwMode="auto">
          <a:xfrm flipV="1">
            <a:off x="410368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27" name="Line 519"/>
          <p:cNvSpPr>
            <a:spLocks noChangeShapeType="1"/>
          </p:cNvSpPr>
          <p:nvPr/>
        </p:nvSpPr>
        <p:spPr bwMode="auto">
          <a:xfrm flipV="1">
            <a:off x="4103688" y="6035676"/>
            <a:ext cx="1588" cy="73025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31" name="Line 523"/>
          <p:cNvSpPr>
            <a:spLocks noChangeShapeType="1"/>
          </p:cNvSpPr>
          <p:nvPr/>
        </p:nvSpPr>
        <p:spPr bwMode="auto">
          <a:xfrm flipV="1">
            <a:off x="440848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33" name="Line 525"/>
          <p:cNvSpPr>
            <a:spLocks noChangeShapeType="1"/>
          </p:cNvSpPr>
          <p:nvPr/>
        </p:nvSpPr>
        <p:spPr bwMode="auto">
          <a:xfrm flipV="1">
            <a:off x="459263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35" name="Line 527"/>
          <p:cNvSpPr>
            <a:spLocks noChangeShapeType="1"/>
          </p:cNvSpPr>
          <p:nvPr/>
        </p:nvSpPr>
        <p:spPr bwMode="auto">
          <a:xfrm flipV="1">
            <a:off x="472598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37" name="Line 529"/>
          <p:cNvSpPr>
            <a:spLocks noChangeShapeType="1"/>
          </p:cNvSpPr>
          <p:nvPr/>
        </p:nvSpPr>
        <p:spPr bwMode="auto">
          <a:xfrm flipV="1">
            <a:off x="482441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39" name="Line 531"/>
          <p:cNvSpPr>
            <a:spLocks noChangeShapeType="1"/>
          </p:cNvSpPr>
          <p:nvPr/>
        </p:nvSpPr>
        <p:spPr bwMode="auto">
          <a:xfrm flipV="1">
            <a:off x="490855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41" name="Line 533"/>
          <p:cNvSpPr>
            <a:spLocks noChangeShapeType="1"/>
          </p:cNvSpPr>
          <p:nvPr/>
        </p:nvSpPr>
        <p:spPr bwMode="auto">
          <a:xfrm flipV="1">
            <a:off x="497046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43" name="Line 535"/>
          <p:cNvSpPr>
            <a:spLocks noChangeShapeType="1"/>
          </p:cNvSpPr>
          <p:nvPr/>
        </p:nvSpPr>
        <p:spPr bwMode="auto">
          <a:xfrm flipV="1">
            <a:off x="503078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45" name="Line 537"/>
          <p:cNvSpPr>
            <a:spLocks noChangeShapeType="1"/>
          </p:cNvSpPr>
          <p:nvPr/>
        </p:nvSpPr>
        <p:spPr bwMode="auto">
          <a:xfrm flipV="1">
            <a:off x="509270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47" name="Line 539"/>
          <p:cNvSpPr>
            <a:spLocks noChangeShapeType="1"/>
          </p:cNvSpPr>
          <p:nvPr/>
        </p:nvSpPr>
        <p:spPr bwMode="auto">
          <a:xfrm flipV="1">
            <a:off x="514191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49" name="Line 541"/>
          <p:cNvSpPr>
            <a:spLocks noChangeShapeType="1"/>
          </p:cNvSpPr>
          <p:nvPr/>
        </p:nvSpPr>
        <p:spPr bwMode="auto">
          <a:xfrm flipV="1">
            <a:off x="5141913" y="6035676"/>
            <a:ext cx="1588" cy="73025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53" name="Line 545"/>
          <p:cNvSpPr>
            <a:spLocks noChangeShapeType="1"/>
          </p:cNvSpPr>
          <p:nvPr/>
        </p:nvSpPr>
        <p:spPr bwMode="auto">
          <a:xfrm flipV="1">
            <a:off x="544671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55" name="Line 547"/>
          <p:cNvSpPr>
            <a:spLocks noChangeShapeType="1"/>
          </p:cNvSpPr>
          <p:nvPr/>
        </p:nvSpPr>
        <p:spPr bwMode="auto">
          <a:xfrm flipV="1">
            <a:off x="562927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57" name="Line 549"/>
          <p:cNvSpPr>
            <a:spLocks noChangeShapeType="1"/>
          </p:cNvSpPr>
          <p:nvPr/>
        </p:nvSpPr>
        <p:spPr bwMode="auto">
          <a:xfrm flipV="1">
            <a:off x="576421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59" name="Line 551"/>
          <p:cNvSpPr>
            <a:spLocks noChangeShapeType="1"/>
          </p:cNvSpPr>
          <p:nvPr/>
        </p:nvSpPr>
        <p:spPr bwMode="auto">
          <a:xfrm flipV="1">
            <a:off x="586105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61" name="Line 553"/>
          <p:cNvSpPr>
            <a:spLocks noChangeShapeType="1"/>
          </p:cNvSpPr>
          <p:nvPr/>
        </p:nvSpPr>
        <p:spPr bwMode="auto">
          <a:xfrm flipV="1">
            <a:off x="594677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63" name="Line 555"/>
          <p:cNvSpPr>
            <a:spLocks noChangeShapeType="1"/>
          </p:cNvSpPr>
          <p:nvPr/>
        </p:nvSpPr>
        <p:spPr bwMode="auto">
          <a:xfrm flipV="1">
            <a:off x="600710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65" name="Line 557"/>
          <p:cNvSpPr>
            <a:spLocks noChangeShapeType="1"/>
          </p:cNvSpPr>
          <p:nvPr/>
        </p:nvSpPr>
        <p:spPr bwMode="auto">
          <a:xfrm flipV="1">
            <a:off x="606901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67" name="Line 559"/>
          <p:cNvSpPr>
            <a:spLocks noChangeShapeType="1"/>
          </p:cNvSpPr>
          <p:nvPr/>
        </p:nvSpPr>
        <p:spPr bwMode="auto">
          <a:xfrm flipV="1">
            <a:off x="612933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69" name="Line 561"/>
          <p:cNvSpPr>
            <a:spLocks noChangeShapeType="1"/>
          </p:cNvSpPr>
          <p:nvPr/>
        </p:nvSpPr>
        <p:spPr bwMode="auto">
          <a:xfrm flipV="1">
            <a:off x="617855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71" name="Line 563"/>
          <p:cNvSpPr>
            <a:spLocks noChangeShapeType="1"/>
          </p:cNvSpPr>
          <p:nvPr/>
        </p:nvSpPr>
        <p:spPr bwMode="auto">
          <a:xfrm flipV="1">
            <a:off x="6178550" y="6035676"/>
            <a:ext cx="1588" cy="73025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75" name="Line 567"/>
          <p:cNvSpPr>
            <a:spLocks noChangeShapeType="1"/>
          </p:cNvSpPr>
          <p:nvPr/>
        </p:nvSpPr>
        <p:spPr bwMode="auto">
          <a:xfrm flipV="1">
            <a:off x="648335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77" name="Line 569"/>
          <p:cNvSpPr>
            <a:spLocks noChangeShapeType="1"/>
          </p:cNvSpPr>
          <p:nvPr/>
        </p:nvSpPr>
        <p:spPr bwMode="auto">
          <a:xfrm flipV="1">
            <a:off x="666591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79" name="Line 571"/>
          <p:cNvSpPr>
            <a:spLocks noChangeShapeType="1"/>
          </p:cNvSpPr>
          <p:nvPr/>
        </p:nvSpPr>
        <p:spPr bwMode="auto">
          <a:xfrm flipV="1">
            <a:off x="680085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81" name="Line 573"/>
          <p:cNvSpPr>
            <a:spLocks noChangeShapeType="1"/>
          </p:cNvSpPr>
          <p:nvPr/>
        </p:nvSpPr>
        <p:spPr bwMode="auto">
          <a:xfrm flipV="1">
            <a:off x="689927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83" name="Line 575"/>
          <p:cNvSpPr>
            <a:spLocks noChangeShapeType="1"/>
          </p:cNvSpPr>
          <p:nvPr/>
        </p:nvSpPr>
        <p:spPr bwMode="auto">
          <a:xfrm flipV="1">
            <a:off x="698341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85" name="Line 577"/>
          <p:cNvSpPr>
            <a:spLocks noChangeShapeType="1"/>
          </p:cNvSpPr>
          <p:nvPr/>
        </p:nvSpPr>
        <p:spPr bwMode="auto">
          <a:xfrm flipV="1">
            <a:off x="704532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87" name="Line 579"/>
          <p:cNvSpPr>
            <a:spLocks noChangeShapeType="1"/>
          </p:cNvSpPr>
          <p:nvPr/>
        </p:nvSpPr>
        <p:spPr bwMode="auto">
          <a:xfrm flipV="1">
            <a:off x="710565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89" name="Line 581"/>
          <p:cNvSpPr>
            <a:spLocks noChangeShapeType="1"/>
          </p:cNvSpPr>
          <p:nvPr/>
        </p:nvSpPr>
        <p:spPr bwMode="auto">
          <a:xfrm flipV="1">
            <a:off x="716756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91" name="Line 583"/>
          <p:cNvSpPr>
            <a:spLocks noChangeShapeType="1"/>
          </p:cNvSpPr>
          <p:nvPr/>
        </p:nvSpPr>
        <p:spPr bwMode="auto">
          <a:xfrm flipV="1">
            <a:off x="721518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93" name="Line 585"/>
          <p:cNvSpPr>
            <a:spLocks noChangeShapeType="1"/>
          </p:cNvSpPr>
          <p:nvPr/>
        </p:nvSpPr>
        <p:spPr bwMode="auto">
          <a:xfrm flipV="1">
            <a:off x="7215188" y="6035676"/>
            <a:ext cx="1588" cy="73025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97" name="Line 589"/>
          <p:cNvSpPr>
            <a:spLocks noChangeShapeType="1"/>
          </p:cNvSpPr>
          <p:nvPr/>
        </p:nvSpPr>
        <p:spPr bwMode="auto">
          <a:xfrm flipV="1">
            <a:off x="752157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99" name="Line 591"/>
          <p:cNvSpPr>
            <a:spLocks noChangeShapeType="1"/>
          </p:cNvSpPr>
          <p:nvPr/>
        </p:nvSpPr>
        <p:spPr bwMode="auto">
          <a:xfrm flipV="1">
            <a:off x="770413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01" name="Line 593"/>
          <p:cNvSpPr>
            <a:spLocks noChangeShapeType="1"/>
          </p:cNvSpPr>
          <p:nvPr/>
        </p:nvSpPr>
        <p:spPr bwMode="auto">
          <a:xfrm flipV="1">
            <a:off x="783748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03" name="Line 595"/>
          <p:cNvSpPr>
            <a:spLocks noChangeShapeType="1"/>
          </p:cNvSpPr>
          <p:nvPr/>
        </p:nvSpPr>
        <p:spPr bwMode="auto">
          <a:xfrm flipV="1">
            <a:off x="793591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05" name="Line 597"/>
          <p:cNvSpPr>
            <a:spLocks noChangeShapeType="1"/>
          </p:cNvSpPr>
          <p:nvPr/>
        </p:nvSpPr>
        <p:spPr bwMode="auto">
          <a:xfrm flipV="1">
            <a:off x="802163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07" name="Line 599"/>
          <p:cNvSpPr>
            <a:spLocks noChangeShapeType="1"/>
          </p:cNvSpPr>
          <p:nvPr/>
        </p:nvSpPr>
        <p:spPr bwMode="auto">
          <a:xfrm flipV="1">
            <a:off x="808196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09" name="Line 601"/>
          <p:cNvSpPr>
            <a:spLocks noChangeShapeType="1"/>
          </p:cNvSpPr>
          <p:nvPr/>
        </p:nvSpPr>
        <p:spPr bwMode="auto">
          <a:xfrm flipV="1">
            <a:off x="814387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11" name="Line 603"/>
          <p:cNvSpPr>
            <a:spLocks noChangeShapeType="1"/>
          </p:cNvSpPr>
          <p:nvPr/>
        </p:nvSpPr>
        <p:spPr bwMode="auto">
          <a:xfrm flipV="1">
            <a:off x="820420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13" name="Line 605"/>
          <p:cNvSpPr>
            <a:spLocks noChangeShapeType="1"/>
          </p:cNvSpPr>
          <p:nvPr/>
        </p:nvSpPr>
        <p:spPr bwMode="auto">
          <a:xfrm flipV="1">
            <a:off x="825341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15" name="Line 607"/>
          <p:cNvSpPr>
            <a:spLocks noChangeShapeType="1"/>
          </p:cNvSpPr>
          <p:nvPr/>
        </p:nvSpPr>
        <p:spPr bwMode="auto">
          <a:xfrm flipV="1">
            <a:off x="8253413" y="6035676"/>
            <a:ext cx="1588" cy="73025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19" name="Line 611"/>
          <p:cNvSpPr>
            <a:spLocks noChangeShapeType="1"/>
          </p:cNvSpPr>
          <p:nvPr/>
        </p:nvSpPr>
        <p:spPr bwMode="auto">
          <a:xfrm>
            <a:off x="992188" y="610870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20" name="Line 612"/>
          <p:cNvSpPr>
            <a:spLocks noChangeShapeType="1"/>
          </p:cNvSpPr>
          <p:nvPr/>
        </p:nvSpPr>
        <p:spPr bwMode="auto">
          <a:xfrm flipH="1">
            <a:off x="8216900" y="6108701"/>
            <a:ext cx="365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21" name="Line 613"/>
          <p:cNvSpPr>
            <a:spLocks noChangeShapeType="1"/>
          </p:cNvSpPr>
          <p:nvPr/>
        </p:nvSpPr>
        <p:spPr bwMode="auto">
          <a:xfrm>
            <a:off x="992188" y="6108701"/>
            <a:ext cx="603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22" name="Line 614"/>
          <p:cNvSpPr>
            <a:spLocks noChangeShapeType="1"/>
          </p:cNvSpPr>
          <p:nvPr/>
        </p:nvSpPr>
        <p:spPr bwMode="auto">
          <a:xfrm flipH="1">
            <a:off x="8180388" y="6108701"/>
            <a:ext cx="730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23" name="Rectangle 615"/>
          <p:cNvSpPr>
            <a:spLocks noChangeArrowheads="1"/>
          </p:cNvSpPr>
          <p:nvPr/>
        </p:nvSpPr>
        <p:spPr bwMode="auto">
          <a:xfrm>
            <a:off x="612775" y="6010276"/>
            <a:ext cx="185948" cy="20005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3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10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024" name="Rectangle 616"/>
          <p:cNvSpPr>
            <a:spLocks noChangeArrowheads="1"/>
          </p:cNvSpPr>
          <p:nvPr/>
        </p:nvSpPr>
        <p:spPr bwMode="auto">
          <a:xfrm>
            <a:off x="784225" y="5949951"/>
            <a:ext cx="207963" cy="1460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900" b="0" i="0" u="none" strike="noStrike" cap="none" normalizeH="0" baseline="0">
                <a:ln>
                  <a:noFill/>
                </a:ln>
                <a:solidFill>
                  <a:srgbClr val="000000"/>
                </a:solidFill>
                <a:effectLst/>
                <a:latin typeface="Helvetica" charset="0"/>
              </a:rPr>
              <a:t>-10</a:t>
            </a:r>
            <a:endParaRPr kumimoji="0" 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</a:endParaRPr>
          </a:p>
        </p:txBody>
      </p:sp>
      <p:sp>
        <p:nvSpPr>
          <p:cNvPr id="18025" name="Line 617"/>
          <p:cNvSpPr>
            <a:spLocks noChangeShapeType="1"/>
          </p:cNvSpPr>
          <p:nvPr/>
        </p:nvSpPr>
        <p:spPr bwMode="auto">
          <a:xfrm>
            <a:off x="992188" y="592455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27" name="Line 619"/>
          <p:cNvSpPr>
            <a:spLocks noChangeShapeType="1"/>
          </p:cNvSpPr>
          <p:nvPr/>
        </p:nvSpPr>
        <p:spPr bwMode="auto">
          <a:xfrm>
            <a:off x="992188" y="582771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29" name="Line 621"/>
          <p:cNvSpPr>
            <a:spLocks noChangeShapeType="1"/>
          </p:cNvSpPr>
          <p:nvPr/>
        </p:nvSpPr>
        <p:spPr bwMode="auto">
          <a:xfrm>
            <a:off x="992188" y="575468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31" name="Line 623"/>
          <p:cNvSpPr>
            <a:spLocks noChangeShapeType="1"/>
          </p:cNvSpPr>
          <p:nvPr/>
        </p:nvSpPr>
        <p:spPr bwMode="auto">
          <a:xfrm>
            <a:off x="992188" y="570547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33" name="Line 625"/>
          <p:cNvSpPr>
            <a:spLocks noChangeShapeType="1"/>
          </p:cNvSpPr>
          <p:nvPr/>
        </p:nvSpPr>
        <p:spPr bwMode="auto">
          <a:xfrm>
            <a:off x="992188" y="56562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35" name="Line 627"/>
          <p:cNvSpPr>
            <a:spLocks noChangeShapeType="1"/>
          </p:cNvSpPr>
          <p:nvPr/>
        </p:nvSpPr>
        <p:spPr bwMode="auto">
          <a:xfrm>
            <a:off x="992188" y="561975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37" name="Line 629"/>
          <p:cNvSpPr>
            <a:spLocks noChangeShapeType="1"/>
          </p:cNvSpPr>
          <p:nvPr/>
        </p:nvSpPr>
        <p:spPr bwMode="auto">
          <a:xfrm>
            <a:off x="992188" y="558323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39" name="Line 631"/>
          <p:cNvSpPr>
            <a:spLocks noChangeShapeType="1"/>
          </p:cNvSpPr>
          <p:nvPr/>
        </p:nvSpPr>
        <p:spPr bwMode="auto">
          <a:xfrm>
            <a:off x="992188" y="555942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41" name="Line 633"/>
          <p:cNvSpPr>
            <a:spLocks noChangeShapeType="1"/>
          </p:cNvSpPr>
          <p:nvPr/>
        </p:nvSpPr>
        <p:spPr bwMode="auto">
          <a:xfrm>
            <a:off x="992188" y="553402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43" name="Line 635"/>
          <p:cNvSpPr>
            <a:spLocks noChangeShapeType="1"/>
          </p:cNvSpPr>
          <p:nvPr/>
        </p:nvSpPr>
        <p:spPr bwMode="auto">
          <a:xfrm>
            <a:off x="992188" y="5534026"/>
            <a:ext cx="603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45" name="Rectangle 637"/>
          <p:cNvSpPr>
            <a:spLocks noChangeArrowheads="1"/>
          </p:cNvSpPr>
          <p:nvPr/>
        </p:nvSpPr>
        <p:spPr bwMode="auto">
          <a:xfrm>
            <a:off x="612775" y="5437188"/>
            <a:ext cx="185948" cy="20005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3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10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046" name="Rectangle 638"/>
          <p:cNvSpPr>
            <a:spLocks noChangeArrowheads="1"/>
          </p:cNvSpPr>
          <p:nvPr/>
        </p:nvSpPr>
        <p:spPr bwMode="auto">
          <a:xfrm>
            <a:off x="784225" y="5375276"/>
            <a:ext cx="102592" cy="1384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9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-9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047" name="Line 639"/>
          <p:cNvSpPr>
            <a:spLocks noChangeShapeType="1"/>
          </p:cNvSpPr>
          <p:nvPr/>
        </p:nvSpPr>
        <p:spPr bwMode="auto">
          <a:xfrm>
            <a:off x="992188" y="53514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49" name="Line 641"/>
          <p:cNvSpPr>
            <a:spLocks noChangeShapeType="1"/>
          </p:cNvSpPr>
          <p:nvPr/>
        </p:nvSpPr>
        <p:spPr bwMode="auto">
          <a:xfrm>
            <a:off x="992188" y="525462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52" name="Line 644"/>
          <p:cNvSpPr>
            <a:spLocks noChangeShapeType="1"/>
          </p:cNvSpPr>
          <p:nvPr/>
        </p:nvSpPr>
        <p:spPr bwMode="auto">
          <a:xfrm>
            <a:off x="992188" y="518001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54" name="Line 646"/>
          <p:cNvSpPr>
            <a:spLocks noChangeShapeType="1"/>
          </p:cNvSpPr>
          <p:nvPr/>
        </p:nvSpPr>
        <p:spPr bwMode="auto">
          <a:xfrm>
            <a:off x="992188" y="513238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56" name="Line 648"/>
          <p:cNvSpPr>
            <a:spLocks noChangeShapeType="1"/>
          </p:cNvSpPr>
          <p:nvPr/>
        </p:nvSpPr>
        <p:spPr bwMode="auto">
          <a:xfrm>
            <a:off x="992188" y="508317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58" name="Line 650"/>
          <p:cNvSpPr>
            <a:spLocks noChangeShapeType="1"/>
          </p:cNvSpPr>
          <p:nvPr/>
        </p:nvSpPr>
        <p:spPr bwMode="auto">
          <a:xfrm>
            <a:off x="992188" y="50466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60" name="Line 652"/>
          <p:cNvSpPr>
            <a:spLocks noChangeShapeType="1"/>
          </p:cNvSpPr>
          <p:nvPr/>
        </p:nvSpPr>
        <p:spPr bwMode="auto">
          <a:xfrm>
            <a:off x="992188" y="501015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62" name="Line 654"/>
          <p:cNvSpPr>
            <a:spLocks noChangeShapeType="1"/>
          </p:cNvSpPr>
          <p:nvPr/>
        </p:nvSpPr>
        <p:spPr bwMode="auto">
          <a:xfrm>
            <a:off x="992188" y="498475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64" name="Line 656"/>
          <p:cNvSpPr>
            <a:spLocks noChangeShapeType="1"/>
          </p:cNvSpPr>
          <p:nvPr/>
        </p:nvSpPr>
        <p:spPr bwMode="auto">
          <a:xfrm>
            <a:off x="992188" y="496093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66" name="Line 658"/>
          <p:cNvSpPr>
            <a:spLocks noChangeShapeType="1"/>
          </p:cNvSpPr>
          <p:nvPr/>
        </p:nvSpPr>
        <p:spPr bwMode="auto">
          <a:xfrm>
            <a:off x="992188" y="4960938"/>
            <a:ext cx="603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68" name="Rectangle 660"/>
          <p:cNvSpPr>
            <a:spLocks noChangeArrowheads="1"/>
          </p:cNvSpPr>
          <p:nvPr/>
        </p:nvSpPr>
        <p:spPr bwMode="auto">
          <a:xfrm>
            <a:off x="612775" y="4864101"/>
            <a:ext cx="185948" cy="20005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3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10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069" name="Rectangle 661"/>
          <p:cNvSpPr>
            <a:spLocks noChangeArrowheads="1"/>
          </p:cNvSpPr>
          <p:nvPr/>
        </p:nvSpPr>
        <p:spPr bwMode="auto">
          <a:xfrm>
            <a:off x="784225" y="4802188"/>
            <a:ext cx="102592" cy="1384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9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-8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070" name="Line 662"/>
          <p:cNvSpPr>
            <a:spLocks noChangeShapeType="1"/>
          </p:cNvSpPr>
          <p:nvPr/>
        </p:nvSpPr>
        <p:spPr bwMode="auto">
          <a:xfrm>
            <a:off x="992188" y="477837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72" name="Line 664"/>
          <p:cNvSpPr>
            <a:spLocks noChangeShapeType="1"/>
          </p:cNvSpPr>
          <p:nvPr/>
        </p:nvSpPr>
        <p:spPr bwMode="auto">
          <a:xfrm>
            <a:off x="992188" y="467995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74" name="Line 666"/>
          <p:cNvSpPr>
            <a:spLocks noChangeShapeType="1"/>
          </p:cNvSpPr>
          <p:nvPr/>
        </p:nvSpPr>
        <p:spPr bwMode="auto">
          <a:xfrm>
            <a:off x="992188" y="460692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76" name="Line 668"/>
          <p:cNvSpPr>
            <a:spLocks noChangeShapeType="1"/>
          </p:cNvSpPr>
          <p:nvPr/>
        </p:nvSpPr>
        <p:spPr bwMode="auto">
          <a:xfrm>
            <a:off x="992188" y="455771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78" name="Line 670"/>
          <p:cNvSpPr>
            <a:spLocks noChangeShapeType="1"/>
          </p:cNvSpPr>
          <p:nvPr/>
        </p:nvSpPr>
        <p:spPr bwMode="auto">
          <a:xfrm>
            <a:off x="992188" y="451008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80" name="Line 672"/>
          <p:cNvSpPr>
            <a:spLocks noChangeShapeType="1"/>
          </p:cNvSpPr>
          <p:nvPr/>
        </p:nvSpPr>
        <p:spPr bwMode="auto">
          <a:xfrm>
            <a:off x="992188" y="447357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82" name="Line 674"/>
          <p:cNvSpPr>
            <a:spLocks noChangeShapeType="1"/>
          </p:cNvSpPr>
          <p:nvPr/>
        </p:nvSpPr>
        <p:spPr bwMode="auto">
          <a:xfrm>
            <a:off x="992188" y="44370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84" name="Line 676"/>
          <p:cNvSpPr>
            <a:spLocks noChangeShapeType="1"/>
          </p:cNvSpPr>
          <p:nvPr/>
        </p:nvSpPr>
        <p:spPr bwMode="auto">
          <a:xfrm>
            <a:off x="992188" y="44116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86" name="Line 678"/>
          <p:cNvSpPr>
            <a:spLocks noChangeShapeType="1"/>
          </p:cNvSpPr>
          <p:nvPr/>
        </p:nvSpPr>
        <p:spPr bwMode="auto">
          <a:xfrm>
            <a:off x="992188" y="438785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88" name="Line 680"/>
          <p:cNvSpPr>
            <a:spLocks noChangeShapeType="1"/>
          </p:cNvSpPr>
          <p:nvPr/>
        </p:nvSpPr>
        <p:spPr bwMode="auto">
          <a:xfrm>
            <a:off x="992188" y="4387851"/>
            <a:ext cx="603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90" name="Rectangle 682"/>
          <p:cNvSpPr>
            <a:spLocks noChangeArrowheads="1"/>
          </p:cNvSpPr>
          <p:nvPr/>
        </p:nvSpPr>
        <p:spPr bwMode="auto">
          <a:xfrm>
            <a:off x="612775" y="4289426"/>
            <a:ext cx="185948" cy="20005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3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10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091" name="Rectangle 683"/>
          <p:cNvSpPr>
            <a:spLocks noChangeArrowheads="1"/>
          </p:cNvSpPr>
          <p:nvPr/>
        </p:nvSpPr>
        <p:spPr bwMode="auto">
          <a:xfrm>
            <a:off x="784225" y="4229101"/>
            <a:ext cx="102592" cy="1384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9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-7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092" name="Line 684"/>
          <p:cNvSpPr>
            <a:spLocks noChangeShapeType="1"/>
          </p:cNvSpPr>
          <p:nvPr/>
        </p:nvSpPr>
        <p:spPr bwMode="auto">
          <a:xfrm>
            <a:off x="992188" y="420370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94" name="Line 686"/>
          <p:cNvSpPr>
            <a:spLocks noChangeShapeType="1"/>
          </p:cNvSpPr>
          <p:nvPr/>
        </p:nvSpPr>
        <p:spPr bwMode="auto">
          <a:xfrm>
            <a:off x="992188" y="41068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96" name="Line 688"/>
          <p:cNvSpPr>
            <a:spLocks noChangeShapeType="1"/>
          </p:cNvSpPr>
          <p:nvPr/>
        </p:nvSpPr>
        <p:spPr bwMode="auto">
          <a:xfrm>
            <a:off x="992188" y="403383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98" name="Line 690"/>
          <p:cNvSpPr>
            <a:spLocks noChangeShapeType="1"/>
          </p:cNvSpPr>
          <p:nvPr/>
        </p:nvSpPr>
        <p:spPr bwMode="auto">
          <a:xfrm>
            <a:off x="992188" y="398462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00" name="Line 692"/>
          <p:cNvSpPr>
            <a:spLocks noChangeShapeType="1"/>
          </p:cNvSpPr>
          <p:nvPr/>
        </p:nvSpPr>
        <p:spPr bwMode="auto">
          <a:xfrm>
            <a:off x="992188" y="393541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02" name="Line 694"/>
          <p:cNvSpPr>
            <a:spLocks noChangeShapeType="1"/>
          </p:cNvSpPr>
          <p:nvPr/>
        </p:nvSpPr>
        <p:spPr bwMode="auto">
          <a:xfrm>
            <a:off x="992188" y="389890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04" name="Line 696"/>
          <p:cNvSpPr>
            <a:spLocks noChangeShapeType="1"/>
          </p:cNvSpPr>
          <p:nvPr/>
        </p:nvSpPr>
        <p:spPr bwMode="auto">
          <a:xfrm>
            <a:off x="992188" y="386238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06" name="Line 698"/>
          <p:cNvSpPr>
            <a:spLocks noChangeShapeType="1"/>
          </p:cNvSpPr>
          <p:nvPr/>
        </p:nvSpPr>
        <p:spPr bwMode="auto">
          <a:xfrm>
            <a:off x="992188" y="383857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08" name="Line 700"/>
          <p:cNvSpPr>
            <a:spLocks noChangeShapeType="1"/>
          </p:cNvSpPr>
          <p:nvPr/>
        </p:nvSpPr>
        <p:spPr bwMode="auto">
          <a:xfrm>
            <a:off x="992188" y="381317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10" name="Line 702"/>
          <p:cNvSpPr>
            <a:spLocks noChangeShapeType="1"/>
          </p:cNvSpPr>
          <p:nvPr/>
        </p:nvSpPr>
        <p:spPr bwMode="auto">
          <a:xfrm>
            <a:off x="992188" y="3813176"/>
            <a:ext cx="603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12" name="Rectangle 704"/>
          <p:cNvSpPr>
            <a:spLocks noChangeArrowheads="1"/>
          </p:cNvSpPr>
          <p:nvPr/>
        </p:nvSpPr>
        <p:spPr bwMode="auto">
          <a:xfrm>
            <a:off x="612775" y="3716338"/>
            <a:ext cx="185948" cy="20005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3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10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113" name="Rectangle 705"/>
          <p:cNvSpPr>
            <a:spLocks noChangeArrowheads="1"/>
          </p:cNvSpPr>
          <p:nvPr/>
        </p:nvSpPr>
        <p:spPr bwMode="auto">
          <a:xfrm>
            <a:off x="784225" y="3656013"/>
            <a:ext cx="102592" cy="1384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9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-6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114" name="Line 706"/>
          <p:cNvSpPr>
            <a:spLocks noChangeShapeType="1"/>
          </p:cNvSpPr>
          <p:nvPr/>
        </p:nvSpPr>
        <p:spPr bwMode="auto">
          <a:xfrm>
            <a:off x="992188" y="363061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16" name="Line 708"/>
          <p:cNvSpPr>
            <a:spLocks noChangeShapeType="1"/>
          </p:cNvSpPr>
          <p:nvPr/>
        </p:nvSpPr>
        <p:spPr bwMode="auto">
          <a:xfrm>
            <a:off x="992188" y="353377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18" name="Line 710"/>
          <p:cNvSpPr>
            <a:spLocks noChangeShapeType="1"/>
          </p:cNvSpPr>
          <p:nvPr/>
        </p:nvSpPr>
        <p:spPr bwMode="auto">
          <a:xfrm>
            <a:off x="992188" y="346075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20" name="Line 712"/>
          <p:cNvSpPr>
            <a:spLocks noChangeShapeType="1"/>
          </p:cNvSpPr>
          <p:nvPr/>
        </p:nvSpPr>
        <p:spPr bwMode="auto">
          <a:xfrm>
            <a:off x="992188" y="341153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22" name="Line 714"/>
          <p:cNvSpPr>
            <a:spLocks noChangeShapeType="1"/>
          </p:cNvSpPr>
          <p:nvPr/>
        </p:nvSpPr>
        <p:spPr bwMode="auto">
          <a:xfrm>
            <a:off x="992188" y="336232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24" name="Line 716"/>
          <p:cNvSpPr>
            <a:spLocks noChangeShapeType="1"/>
          </p:cNvSpPr>
          <p:nvPr/>
        </p:nvSpPr>
        <p:spPr bwMode="auto">
          <a:xfrm>
            <a:off x="992188" y="332581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26" name="Line 718"/>
          <p:cNvSpPr>
            <a:spLocks noChangeShapeType="1"/>
          </p:cNvSpPr>
          <p:nvPr/>
        </p:nvSpPr>
        <p:spPr bwMode="auto">
          <a:xfrm>
            <a:off x="992188" y="328930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28" name="Line 720"/>
          <p:cNvSpPr>
            <a:spLocks noChangeShapeType="1"/>
          </p:cNvSpPr>
          <p:nvPr/>
        </p:nvSpPr>
        <p:spPr bwMode="auto">
          <a:xfrm>
            <a:off x="992188" y="326548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30" name="Line 722"/>
          <p:cNvSpPr>
            <a:spLocks noChangeShapeType="1"/>
          </p:cNvSpPr>
          <p:nvPr/>
        </p:nvSpPr>
        <p:spPr bwMode="auto">
          <a:xfrm>
            <a:off x="992188" y="324008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32" name="Line 724"/>
          <p:cNvSpPr>
            <a:spLocks noChangeShapeType="1"/>
          </p:cNvSpPr>
          <p:nvPr/>
        </p:nvSpPr>
        <p:spPr bwMode="auto">
          <a:xfrm>
            <a:off x="992188" y="3240088"/>
            <a:ext cx="603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34" name="Rectangle 726"/>
          <p:cNvSpPr>
            <a:spLocks noChangeArrowheads="1"/>
          </p:cNvSpPr>
          <p:nvPr/>
        </p:nvSpPr>
        <p:spPr bwMode="auto">
          <a:xfrm>
            <a:off x="612775" y="3143251"/>
            <a:ext cx="185948" cy="20005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3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10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135" name="Rectangle 727"/>
          <p:cNvSpPr>
            <a:spLocks noChangeArrowheads="1"/>
          </p:cNvSpPr>
          <p:nvPr/>
        </p:nvSpPr>
        <p:spPr bwMode="auto">
          <a:xfrm>
            <a:off x="784225" y="3081338"/>
            <a:ext cx="102592" cy="1384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9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-5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136" name="Line 728"/>
          <p:cNvSpPr>
            <a:spLocks noChangeShapeType="1"/>
          </p:cNvSpPr>
          <p:nvPr/>
        </p:nvSpPr>
        <p:spPr bwMode="auto">
          <a:xfrm>
            <a:off x="992188" y="305752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38" name="Line 730"/>
          <p:cNvSpPr>
            <a:spLocks noChangeShapeType="1"/>
          </p:cNvSpPr>
          <p:nvPr/>
        </p:nvSpPr>
        <p:spPr bwMode="auto">
          <a:xfrm>
            <a:off x="992188" y="295910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40" name="Line 732"/>
          <p:cNvSpPr>
            <a:spLocks noChangeShapeType="1"/>
          </p:cNvSpPr>
          <p:nvPr/>
        </p:nvSpPr>
        <p:spPr bwMode="auto">
          <a:xfrm>
            <a:off x="992188" y="288607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42" name="Line 734"/>
          <p:cNvSpPr>
            <a:spLocks noChangeShapeType="1"/>
          </p:cNvSpPr>
          <p:nvPr/>
        </p:nvSpPr>
        <p:spPr bwMode="auto">
          <a:xfrm>
            <a:off x="992188" y="28368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44" name="Line 736"/>
          <p:cNvSpPr>
            <a:spLocks noChangeShapeType="1"/>
          </p:cNvSpPr>
          <p:nvPr/>
        </p:nvSpPr>
        <p:spPr bwMode="auto">
          <a:xfrm>
            <a:off x="992188" y="278923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46" name="Line 738"/>
          <p:cNvSpPr>
            <a:spLocks noChangeShapeType="1"/>
          </p:cNvSpPr>
          <p:nvPr/>
        </p:nvSpPr>
        <p:spPr bwMode="auto">
          <a:xfrm>
            <a:off x="992188" y="275272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48" name="Line 740"/>
          <p:cNvSpPr>
            <a:spLocks noChangeShapeType="1"/>
          </p:cNvSpPr>
          <p:nvPr/>
        </p:nvSpPr>
        <p:spPr bwMode="auto">
          <a:xfrm>
            <a:off x="992188" y="271621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50" name="Line 742"/>
          <p:cNvSpPr>
            <a:spLocks noChangeShapeType="1"/>
          </p:cNvSpPr>
          <p:nvPr/>
        </p:nvSpPr>
        <p:spPr bwMode="auto">
          <a:xfrm>
            <a:off x="992188" y="269081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52" name="Line 744"/>
          <p:cNvSpPr>
            <a:spLocks noChangeShapeType="1"/>
          </p:cNvSpPr>
          <p:nvPr/>
        </p:nvSpPr>
        <p:spPr bwMode="auto">
          <a:xfrm>
            <a:off x="992188" y="266700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54" name="Line 746"/>
          <p:cNvSpPr>
            <a:spLocks noChangeShapeType="1"/>
          </p:cNvSpPr>
          <p:nvPr/>
        </p:nvSpPr>
        <p:spPr bwMode="auto">
          <a:xfrm>
            <a:off x="992188" y="2667001"/>
            <a:ext cx="603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56" name="Rectangle 748"/>
          <p:cNvSpPr>
            <a:spLocks noChangeArrowheads="1"/>
          </p:cNvSpPr>
          <p:nvPr/>
        </p:nvSpPr>
        <p:spPr bwMode="auto">
          <a:xfrm>
            <a:off x="612775" y="2568576"/>
            <a:ext cx="185948" cy="20005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3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10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157" name="Rectangle 749"/>
          <p:cNvSpPr>
            <a:spLocks noChangeArrowheads="1"/>
          </p:cNvSpPr>
          <p:nvPr/>
        </p:nvSpPr>
        <p:spPr bwMode="auto">
          <a:xfrm>
            <a:off x="784225" y="2508251"/>
            <a:ext cx="102592" cy="1384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9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-4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158" name="Line 750"/>
          <p:cNvSpPr>
            <a:spLocks noChangeShapeType="1"/>
          </p:cNvSpPr>
          <p:nvPr/>
        </p:nvSpPr>
        <p:spPr bwMode="auto">
          <a:xfrm>
            <a:off x="992188" y="248443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60" name="Line 752"/>
          <p:cNvSpPr>
            <a:spLocks noChangeShapeType="1"/>
          </p:cNvSpPr>
          <p:nvPr/>
        </p:nvSpPr>
        <p:spPr bwMode="auto">
          <a:xfrm>
            <a:off x="992188" y="238601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62" name="Line 754"/>
          <p:cNvSpPr>
            <a:spLocks noChangeShapeType="1"/>
          </p:cNvSpPr>
          <p:nvPr/>
        </p:nvSpPr>
        <p:spPr bwMode="auto">
          <a:xfrm>
            <a:off x="992188" y="231298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64" name="Line 756"/>
          <p:cNvSpPr>
            <a:spLocks noChangeShapeType="1"/>
          </p:cNvSpPr>
          <p:nvPr/>
        </p:nvSpPr>
        <p:spPr bwMode="auto">
          <a:xfrm>
            <a:off x="992188" y="226377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66" name="Line 758"/>
          <p:cNvSpPr>
            <a:spLocks noChangeShapeType="1"/>
          </p:cNvSpPr>
          <p:nvPr/>
        </p:nvSpPr>
        <p:spPr bwMode="auto">
          <a:xfrm>
            <a:off x="992188" y="22145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68" name="Line 760"/>
          <p:cNvSpPr>
            <a:spLocks noChangeShapeType="1"/>
          </p:cNvSpPr>
          <p:nvPr/>
        </p:nvSpPr>
        <p:spPr bwMode="auto">
          <a:xfrm>
            <a:off x="992188" y="217805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70" name="Line 762"/>
          <p:cNvSpPr>
            <a:spLocks noChangeShapeType="1"/>
          </p:cNvSpPr>
          <p:nvPr/>
        </p:nvSpPr>
        <p:spPr bwMode="auto">
          <a:xfrm>
            <a:off x="992188" y="214153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72" name="Line 764"/>
          <p:cNvSpPr>
            <a:spLocks noChangeShapeType="1"/>
          </p:cNvSpPr>
          <p:nvPr/>
        </p:nvSpPr>
        <p:spPr bwMode="auto">
          <a:xfrm>
            <a:off x="992188" y="211772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74" name="Line 766"/>
          <p:cNvSpPr>
            <a:spLocks noChangeShapeType="1"/>
          </p:cNvSpPr>
          <p:nvPr/>
        </p:nvSpPr>
        <p:spPr bwMode="auto">
          <a:xfrm>
            <a:off x="992188" y="209391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76" name="Line 768"/>
          <p:cNvSpPr>
            <a:spLocks noChangeShapeType="1"/>
          </p:cNvSpPr>
          <p:nvPr/>
        </p:nvSpPr>
        <p:spPr bwMode="auto">
          <a:xfrm>
            <a:off x="992188" y="2093913"/>
            <a:ext cx="603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78" name="Rectangle 770"/>
          <p:cNvSpPr>
            <a:spLocks noChangeArrowheads="1"/>
          </p:cNvSpPr>
          <p:nvPr/>
        </p:nvSpPr>
        <p:spPr bwMode="auto">
          <a:xfrm>
            <a:off x="612775" y="1995488"/>
            <a:ext cx="185948" cy="20005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3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10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179" name="Rectangle 771"/>
          <p:cNvSpPr>
            <a:spLocks noChangeArrowheads="1"/>
          </p:cNvSpPr>
          <p:nvPr/>
        </p:nvSpPr>
        <p:spPr bwMode="auto">
          <a:xfrm>
            <a:off x="784225" y="1935163"/>
            <a:ext cx="102592" cy="1384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9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-3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180" name="Line 772"/>
          <p:cNvSpPr>
            <a:spLocks noChangeShapeType="1"/>
          </p:cNvSpPr>
          <p:nvPr/>
        </p:nvSpPr>
        <p:spPr bwMode="auto">
          <a:xfrm>
            <a:off x="992188" y="19097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82" name="Line 774"/>
          <p:cNvSpPr>
            <a:spLocks noChangeShapeType="1"/>
          </p:cNvSpPr>
          <p:nvPr/>
        </p:nvSpPr>
        <p:spPr bwMode="auto">
          <a:xfrm>
            <a:off x="992188" y="181292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84" name="Line 776"/>
          <p:cNvSpPr>
            <a:spLocks noChangeShapeType="1"/>
          </p:cNvSpPr>
          <p:nvPr/>
        </p:nvSpPr>
        <p:spPr bwMode="auto">
          <a:xfrm>
            <a:off x="992188" y="173990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86" name="Line 778"/>
          <p:cNvSpPr>
            <a:spLocks noChangeShapeType="1"/>
          </p:cNvSpPr>
          <p:nvPr/>
        </p:nvSpPr>
        <p:spPr bwMode="auto">
          <a:xfrm>
            <a:off x="992188" y="169068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88" name="Line 780"/>
          <p:cNvSpPr>
            <a:spLocks noChangeShapeType="1"/>
          </p:cNvSpPr>
          <p:nvPr/>
        </p:nvSpPr>
        <p:spPr bwMode="auto">
          <a:xfrm>
            <a:off x="992188" y="164147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90" name="Line 782"/>
          <p:cNvSpPr>
            <a:spLocks noChangeShapeType="1"/>
          </p:cNvSpPr>
          <p:nvPr/>
        </p:nvSpPr>
        <p:spPr bwMode="auto">
          <a:xfrm>
            <a:off x="992188" y="16049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92" name="Line 784"/>
          <p:cNvSpPr>
            <a:spLocks noChangeShapeType="1"/>
          </p:cNvSpPr>
          <p:nvPr/>
        </p:nvSpPr>
        <p:spPr bwMode="auto">
          <a:xfrm>
            <a:off x="992188" y="156845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94" name="Line 786"/>
          <p:cNvSpPr>
            <a:spLocks noChangeShapeType="1"/>
          </p:cNvSpPr>
          <p:nvPr/>
        </p:nvSpPr>
        <p:spPr bwMode="auto">
          <a:xfrm>
            <a:off x="992188" y="154463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96" name="Line 788"/>
          <p:cNvSpPr>
            <a:spLocks noChangeShapeType="1"/>
          </p:cNvSpPr>
          <p:nvPr/>
        </p:nvSpPr>
        <p:spPr bwMode="auto">
          <a:xfrm>
            <a:off x="992188" y="151923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98" name="Line 790"/>
          <p:cNvSpPr>
            <a:spLocks noChangeShapeType="1"/>
          </p:cNvSpPr>
          <p:nvPr/>
        </p:nvSpPr>
        <p:spPr bwMode="auto">
          <a:xfrm>
            <a:off x="992188" y="1519238"/>
            <a:ext cx="603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00" name="Rectangle 792"/>
          <p:cNvSpPr>
            <a:spLocks noChangeArrowheads="1"/>
          </p:cNvSpPr>
          <p:nvPr/>
        </p:nvSpPr>
        <p:spPr bwMode="auto">
          <a:xfrm>
            <a:off x="612775" y="1422401"/>
            <a:ext cx="185948" cy="20005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3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10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201" name="Rectangle 793"/>
          <p:cNvSpPr>
            <a:spLocks noChangeArrowheads="1"/>
          </p:cNvSpPr>
          <p:nvPr/>
        </p:nvSpPr>
        <p:spPr bwMode="auto">
          <a:xfrm>
            <a:off x="784225" y="1360488"/>
            <a:ext cx="102592" cy="1384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9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-2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202" name="Line 794"/>
          <p:cNvSpPr>
            <a:spLocks noChangeShapeType="1"/>
          </p:cNvSpPr>
          <p:nvPr/>
        </p:nvSpPr>
        <p:spPr bwMode="auto">
          <a:xfrm>
            <a:off x="992188" y="133667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04" name="Line 796"/>
          <p:cNvSpPr>
            <a:spLocks noChangeShapeType="1"/>
          </p:cNvSpPr>
          <p:nvPr/>
        </p:nvSpPr>
        <p:spPr bwMode="auto">
          <a:xfrm>
            <a:off x="992188" y="123825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06" name="Line 798"/>
          <p:cNvSpPr>
            <a:spLocks noChangeShapeType="1"/>
          </p:cNvSpPr>
          <p:nvPr/>
        </p:nvSpPr>
        <p:spPr bwMode="auto">
          <a:xfrm>
            <a:off x="992188" y="116522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08" name="Line 800"/>
          <p:cNvSpPr>
            <a:spLocks noChangeShapeType="1"/>
          </p:cNvSpPr>
          <p:nvPr/>
        </p:nvSpPr>
        <p:spPr bwMode="auto">
          <a:xfrm>
            <a:off x="992188" y="111760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10" name="Line 802"/>
          <p:cNvSpPr>
            <a:spLocks noChangeShapeType="1"/>
          </p:cNvSpPr>
          <p:nvPr/>
        </p:nvSpPr>
        <p:spPr bwMode="auto">
          <a:xfrm>
            <a:off x="992188" y="106838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12" name="Line 804"/>
          <p:cNvSpPr>
            <a:spLocks noChangeShapeType="1"/>
          </p:cNvSpPr>
          <p:nvPr/>
        </p:nvSpPr>
        <p:spPr bwMode="auto">
          <a:xfrm>
            <a:off x="992188" y="103187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14" name="Line 806"/>
          <p:cNvSpPr>
            <a:spLocks noChangeShapeType="1"/>
          </p:cNvSpPr>
          <p:nvPr/>
        </p:nvSpPr>
        <p:spPr bwMode="auto">
          <a:xfrm>
            <a:off x="992188" y="9953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16" name="Line 808"/>
          <p:cNvSpPr>
            <a:spLocks noChangeShapeType="1"/>
          </p:cNvSpPr>
          <p:nvPr/>
        </p:nvSpPr>
        <p:spPr bwMode="auto">
          <a:xfrm>
            <a:off x="992188" y="9699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18" name="Line 810"/>
          <p:cNvSpPr>
            <a:spLocks noChangeShapeType="1"/>
          </p:cNvSpPr>
          <p:nvPr/>
        </p:nvSpPr>
        <p:spPr bwMode="auto">
          <a:xfrm>
            <a:off x="992188" y="94615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20" name="Line 812"/>
          <p:cNvSpPr>
            <a:spLocks noChangeShapeType="1"/>
          </p:cNvSpPr>
          <p:nvPr/>
        </p:nvSpPr>
        <p:spPr bwMode="auto">
          <a:xfrm>
            <a:off x="992188" y="946151"/>
            <a:ext cx="603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22" name="Rectangle 814"/>
          <p:cNvSpPr>
            <a:spLocks noChangeArrowheads="1"/>
          </p:cNvSpPr>
          <p:nvPr/>
        </p:nvSpPr>
        <p:spPr bwMode="auto">
          <a:xfrm>
            <a:off x="612775" y="847726"/>
            <a:ext cx="185948" cy="20005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3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10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223" name="Rectangle 815"/>
          <p:cNvSpPr>
            <a:spLocks noChangeArrowheads="1"/>
          </p:cNvSpPr>
          <p:nvPr/>
        </p:nvSpPr>
        <p:spPr bwMode="auto">
          <a:xfrm>
            <a:off x="784225" y="787401"/>
            <a:ext cx="102592" cy="1384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9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-1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224" name="Line 816"/>
          <p:cNvSpPr>
            <a:spLocks noChangeShapeType="1"/>
          </p:cNvSpPr>
          <p:nvPr/>
        </p:nvSpPr>
        <p:spPr bwMode="auto">
          <a:xfrm>
            <a:off x="992188" y="76358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26" name="Line 818"/>
          <p:cNvSpPr>
            <a:spLocks noChangeShapeType="1"/>
          </p:cNvSpPr>
          <p:nvPr/>
        </p:nvSpPr>
        <p:spPr bwMode="auto">
          <a:xfrm>
            <a:off x="992188" y="6651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28" name="Line 820"/>
          <p:cNvSpPr>
            <a:spLocks noChangeShapeType="1"/>
          </p:cNvSpPr>
          <p:nvPr/>
        </p:nvSpPr>
        <p:spPr bwMode="auto">
          <a:xfrm>
            <a:off x="992188" y="59213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30" name="Line 822"/>
          <p:cNvSpPr>
            <a:spLocks noChangeShapeType="1"/>
          </p:cNvSpPr>
          <p:nvPr/>
        </p:nvSpPr>
        <p:spPr bwMode="auto">
          <a:xfrm>
            <a:off x="992188" y="54292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32" name="Line 824"/>
          <p:cNvSpPr>
            <a:spLocks noChangeShapeType="1"/>
          </p:cNvSpPr>
          <p:nvPr/>
        </p:nvSpPr>
        <p:spPr bwMode="auto">
          <a:xfrm>
            <a:off x="992188" y="49371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34" name="Line 826"/>
          <p:cNvSpPr>
            <a:spLocks noChangeShapeType="1"/>
          </p:cNvSpPr>
          <p:nvPr/>
        </p:nvSpPr>
        <p:spPr bwMode="auto">
          <a:xfrm>
            <a:off x="992188" y="45720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36" name="Line 828"/>
          <p:cNvSpPr>
            <a:spLocks noChangeShapeType="1"/>
          </p:cNvSpPr>
          <p:nvPr/>
        </p:nvSpPr>
        <p:spPr bwMode="auto">
          <a:xfrm>
            <a:off x="992188" y="42068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38" name="Line 830"/>
          <p:cNvSpPr>
            <a:spLocks noChangeShapeType="1"/>
          </p:cNvSpPr>
          <p:nvPr/>
        </p:nvSpPr>
        <p:spPr bwMode="auto">
          <a:xfrm>
            <a:off x="992188" y="39687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40" name="Line 832"/>
          <p:cNvSpPr>
            <a:spLocks noChangeShapeType="1"/>
          </p:cNvSpPr>
          <p:nvPr/>
        </p:nvSpPr>
        <p:spPr bwMode="auto">
          <a:xfrm>
            <a:off x="992188" y="3730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42" name="Line 834"/>
          <p:cNvSpPr>
            <a:spLocks noChangeShapeType="1"/>
          </p:cNvSpPr>
          <p:nvPr/>
        </p:nvSpPr>
        <p:spPr bwMode="auto">
          <a:xfrm>
            <a:off x="992188" y="373063"/>
            <a:ext cx="603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44" name="Rectangle 836"/>
          <p:cNvSpPr>
            <a:spLocks noChangeArrowheads="1"/>
          </p:cNvSpPr>
          <p:nvPr/>
        </p:nvSpPr>
        <p:spPr bwMode="auto">
          <a:xfrm>
            <a:off x="612775" y="274638"/>
            <a:ext cx="185948" cy="20005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3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10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245" name="Rectangle 837"/>
          <p:cNvSpPr>
            <a:spLocks noChangeArrowheads="1"/>
          </p:cNvSpPr>
          <p:nvPr/>
        </p:nvSpPr>
        <p:spPr bwMode="auto">
          <a:xfrm>
            <a:off x="784225" y="214313"/>
            <a:ext cx="64120" cy="1384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9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0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249" name="Line 841"/>
          <p:cNvSpPr>
            <a:spLocks noChangeShapeType="1"/>
          </p:cNvSpPr>
          <p:nvPr/>
        </p:nvSpPr>
        <p:spPr bwMode="auto">
          <a:xfrm flipV="1">
            <a:off x="992188" y="373063"/>
            <a:ext cx="1588" cy="573563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71" name="Freeform 863"/>
          <p:cNvSpPr>
            <a:spLocks/>
          </p:cNvSpPr>
          <p:nvPr/>
        </p:nvSpPr>
        <p:spPr bwMode="auto">
          <a:xfrm>
            <a:off x="2028825" y="1971675"/>
            <a:ext cx="6042025" cy="4148138"/>
          </a:xfrm>
          <a:custGeom>
            <a:avLst/>
            <a:gdLst/>
            <a:ahLst/>
            <a:cxnLst>
              <a:cxn ang="0">
                <a:pos x="46" y="184"/>
              </a:cxn>
              <a:cxn ang="0">
                <a:pos x="154" y="176"/>
              </a:cxn>
              <a:cxn ang="0">
                <a:pos x="254" y="176"/>
              </a:cxn>
              <a:cxn ang="0">
                <a:pos x="362" y="176"/>
              </a:cxn>
              <a:cxn ang="0">
                <a:pos x="461" y="169"/>
              </a:cxn>
              <a:cxn ang="0">
                <a:pos x="569" y="161"/>
              </a:cxn>
              <a:cxn ang="0">
                <a:pos x="669" y="115"/>
              </a:cxn>
              <a:cxn ang="0">
                <a:pos x="769" y="53"/>
              </a:cxn>
              <a:cxn ang="0">
                <a:pos x="877" y="15"/>
              </a:cxn>
              <a:cxn ang="0">
                <a:pos x="977" y="0"/>
              </a:cxn>
              <a:cxn ang="0">
                <a:pos x="1084" y="61"/>
              </a:cxn>
              <a:cxn ang="0">
                <a:pos x="1184" y="84"/>
              </a:cxn>
              <a:cxn ang="0">
                <a:pos x="1292" y="169"/>
              </a:cxn>
              <a:cxn ang="0">
                <a:pos x="1392" y="261"/>
              </a:cxn>
              <a:cxn ang="0">
                <a:pos x="1499" y="307"/>
              </a:cxn>
              <a:cxn ang="0">
                <a:pos x="1599" y="415"/>
              </a:cxn>
              <a:cxn ang="0">
                <a:pos x="1707" y="538"/>
              </a:cxn>
              <a:cxn ang="0">
                <a:pos x="1807" y="630"/>
              </a:cxn>
              <a:cxn ang="0">
                <a:pos x="1914" y="738"/>
              </a:cxn>
              <a:cxn ang="0">
                <a:pos x="2014" y="861"/>
              </a:cxn>
              <a:cxn ang="0">
                <a:pos x="2114" y="953"/>
              </a:cxn>
              <a:cxn ang="0">
                <a:pos x="2222" y="1037"/>
              </a:cxn>
              <a:cxn ang="0">
                <a:pos x="2322" y="1137"/>
              </a:cxn>
              <a:cxn ang="0">
                <a:pos x="2429" y="1207"/>
              </a:cxn>
              <a:cxn ang="0">
                <a:pos x="2529" y="1260"/>
              </a:cxn>
              <a:cxn ang="0">
                <a:pos x="2637" y="1337"/>
              </a:cxn>
              <a:cxn ang="0">
                <a:pos x="2737" y="1383"/>
              </a:cxn>
              <a:cxn ang="0">
                <a:pos x="2845" y="1391"/>
              </a:cxn>
              <a:cxn ang="0">
                <a:pos x="2945" y="1468"/>
              </a:cxn>
              <a:cxn ang="0">
                <a:pos x="3052" y="1483"/>
              </a:cxn>
              <a:cxn ang="0">
                <a:pos x="3152" y="1460"/>
              </a:cxn>
              <a:cxn ang="0">
                <a:pos x="3260" y="1560"/>
              </a:cxn>
              <a:cxn ang="0">
                <a:pos x="3360" y="1614"/>
              </a:cxn>
              <a:cxn ang="0">
                <a:pos x="3460" y="1576"/>
              </a:cxn>
              <a:cxn ang="0">
                <a:pos x="3567" y="1645"/>
              </a:cxn>
              <a:cxn ang="0">
                <a:pos x="3667" y="1722"/>
              </a:cxn>
              <a:cxn ang="0">
                <a:pos x="3775" y="2337"/>
              </a:cxn>
            </a:cxnLst>
            <a:rect l="0" t="0" r="r" b="b"/>
            <a:pathLst>
              <a:path w="3806" h="2613">
                <a:moveTo>
                  <a:pt x="0" y="184"/>
                </a:moveTo>
                <a:lnTo>
                  <a:pt x="46" y="184"/>
                </a:lnTo>
                <a:lnTo>
                  <a:pt x="100" y="184"/>
                </a:lnTo>
                <a:lnTo>
                  <a:pt x="154" y="176"/>
                </a:lnTo>
                <a:lnTo>
                  <a:pt x="200" y="176"/>
                </a:lnTo>
                <a:lnTo>
                  <a:pt x="254" y="176"/>
                </a:lnTo>
                <a:lnTo>
                  <a:pt x="308" y="176"/>
                </a:lnTo>
                <a:lnTo>
                  <a:pt x="362" y="176"/>
                </a:lnTo>
                <a:lnTo>
                  <a:pt x="408" y="176"/>
                </a:lnTo>
                <a:lnTo>
                  <a:pt x="461" y="169"/>
                </a:lnTo>
                <a:lnTo>
                  <a:pt x="515" y="169"/>
                </a:lnTo>
                <a:lnTo>
                  <a:pt x="569" y="161"/>
                </a:lnTo>
                <a:lnTo>
                  <a:pt x="615" y="153"/>
                </a:lnTo>
                <a:lnTo>
                  <a:pt x="669" y="115"/>
                </a:lnTo>
                <a:lnTo>
                  <a:pt x="723" y="77"/>
                </a:lnTo>
                <a:lnTo>
                  <a:pt x="769" y="53"/>
                </a:lnTo>
                <a:lnTo>
                  <a:pt x="823" y="38"/>
                </a:lnTo>
                <a:lnTo>
                  <a:pt x="877" y="15"/>
                </a:lnTo>
                <a:lnTo>
                  <a:pt x="930" y="7"/>
                </a:lnTo>
                <a:lnTo>
                  <a:pt x="977" y="0"/>
                </a:lnTo>
                <a:lnTo>
                  <a:pt x="1030" y="0"/>
                </a:lnTo>
                <a:lnTo>
                  <a:pt x="1084" y="61"/>
                </a:lnTo>
                <a:lnTo>
                  <a:pt x="1138" y="77"/>
                </a:lnTo>
                <a:lnTo>
                  <a:pt x="1184" y="84"/>
                </a:lnTo>
                <a:lnTo>
                  <a:pt x="1238" y="153"/>
                </a:lnTo>
                <a:lnTo>
                  <a:pt x="1292" y="169"/>
                </a:lnTo>
                <a:lnTo>
                  <a:pt x="1338" y="184"/>
                </a:lnTo>
                <a:lnTo>
                  <a:pt x="1392" y="261"/>
                </a:lnTo>
                <a:lnTo>
                  <a:pt x="1445" y="276"/>
                </a:lnTo>
                <a:lnTo>
                  <a:pt x="1499" y="307"/>
                </a:lnTo>
                <a:lnTo>
                  <a:pt x="1545" y="392"/>
                </a:lnTo>
                <a:lnTo>
                  <a:pt x="1599" y="415"/>
                </a:lnTo>
                <a:lnTo>
                  <a:pt x="1653" y="461"/>
                </a:lnTo>
                <a:lnTo>
                  <a:pt x="1707" y="538"/>
                </a:lnTo>
                <a:lnTo>
                  <a:pt x="1753" y="576"/>
                </a:lnTo>
                <a:lnTo>
                  <a:pt x="1807" y="630"/>
                </a:lnTo>
                <a:lnTo>
                  <a:pt x="1861" y="699"/>
                </a:lnTo>
                <a:lnTo>
                  <a:pt x="1914" y="738"/>
                </a:lnTo>
                <a:lnTo>
                  <a:pt x="1961" y="799"/>
                </a:lnTo>
                <a:lnTo>
                  <a:pt x="2014" y="861"/>
                </a:lnTo>
                <a:lnTo>
                  <a:pt x="2068" y="899"/>
                </a:lnTo>
                <a:lnTo>
                  <a:pt x="2114" y="953"/>
                </a:lnTo>
                <a:lnTo>
                  <a:pt x="2168" y="1007"/>
                </a:lnTo>
                <a:lnTo>
                  <a:pt x="2222" y="1037"/>
                </a:lnTo>
                <a:lnTo>
                  <a:pt x="2276" y="1091"/>
                </a:lnTo>
                <a:lnTo>
                  <a:pt x="2322" y="1137"/>
                </a:lnTo>
                <a:lnTo>
                  <a:pt x="2376" y="1160"/>
                </a:lnTo>
                <a:lnTo>
                  <a:pt x="2429" y="1207"/>
                </a:lnTo>
                <a:lnTo>
                  <a:pt x="2483" y="1253"/>
                </a:lnTo>
                <a:lnTo>
                  <a:pt x="2529" y="1260"/>
                </a:lnTo>
                <a:lnTo>
                  <a:pt x="2583" y="1307"/>
                </a:lnTo>
                <a:lnTo>
                  <a:pt x="2637" y="1337"/>
                </a:lnTo>
                <a:lnTo>
                  <a:pt x="2683" y="1337"/>
                </a:lnTo>
                <a:lnTo>
                  <a:pt x="2737" y="1383"/>
                </a:lnTo>
                <a:lnTo>
                  <a:pt x="2791" y="1414"/>
                </a:lnTo>
                <a:lnTo>
                  <a:pt x="2845" y="1391"/>
                </a:lnTo>
                <a:lnTo>
                  <a:pt x="2891" y="1437"/>
                </a:lnTo>
                <a:lnTo>
                  <a:pt x="2945" y="1468"/>
                </a:lnTo>
                <a:lnTo>
                  <a:pt x="2998" y="1422"/>
                </a:lnTo>
                <a:lnTo>
                  <a:pt x="3052" y="1483"/>
                </a:lnTo>
                <a:lnTo>
                  <a:pt x="3098" y="1514"/>
                </a:lnTo>
                <a:lnTo>
                  <a:pt x="3152" y="1460"/>
                </a:lnTo>
                <a:lnTo>
                  <a:pt x="3206" y="1545"/>
                </a:lnTo>
                <a:lnTo>
                  <a:pt x="3260" y="1560"/>
                </a:lnTo>
                <a:lnTo>
                  <a:pt x="3306" y="1499"/>
                </a:lnTo>
                <a:lnTo>
                  <a:pt x="3360" y="1614"/>
                </a:lnTo>
                <a:lnTo>
                  <a:pt x="3413" y="1606"/>
                </a:lnTo>
                <a:lnTo>
                  <a:pt x="3460" y="1576"/>
                </a:lnTo>
                <a:lnTo>
                  <a:pt x="3513" y="1676"/>
                </a:lnTo>
                <a:lnTo>
                  <a:pt x="3567" y="1645"/>
                </a:lnTo>
                <a:lnTo>
                  <a:pt x="3621" y="1668"/>
                </a:lnTo>
                <a:lnTo>
                  <a:pt x="3667" y="1722"/>
                </a:lnTo>
                <a:lnTo>
                  <a:pt x="3721" y="1891"/>
                </a:lnTo>
                <a:lnTo>
                  <a:pt x="3775" y="2337"/>
                </a:lnTo>
                <a:lnTo>
                  <a:pt x="3806" y="2613"/>
                </a:lnTo>
              </a:path>
            </a:pathLst>
          </a:custGeom>
          <a:noFill/>
          <a:ln w="38100" cap="flat">
            <a:solidFill>
              <a:srgbClr val="FF000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80" name="Freeform 872"/>
          <p:cNvSpPr>
            <a:spLocks/>
          </p:cNvSpPr>
          <p:nvPr/>
        </p:nvSpPr>
        <p:spPr bwMode="auto">
          <a:xfrm>
            <a:off x="992188" y="373063"/>
            <a:ext cx="2012950" cy="1476375"/>
          </a:xfrm>
          <a:custGeom>
            <a:avLst/>
            <a:gdLst/>
            <a:ahLst/>
            <a:cxnLst>
              <a:cxn ang="0">
                <a:pos x="0" y="0"/>
              </a:cxn>
              <a:cxn ang="0">
                <a:pos x="38" y="30"/>
              </a:cxn>
              <a:cxn ang="0">
                <a:pos x="84" y="69"/>
              </a:cxn>
              <a:cxn ang="0">
                <a:pos x="123" y="100"/>
              </a:cxn>
              <a:cxn ang="0">
                <a:pos x="161" y="130"/>
              </a:cxn>
              <a:cxn ang="0">
                <a:pos x="200" y="161"/>
              </a:cxn>
              <a:cxn ang="0">
                <a:pos x="238" y="199"/>
              </a:cxn>
              <a:cxn ang="0">
                <a:pos x="277" y="230"/>
              </a:cxn>
              <a:cxn ang="0">
                <a:pos x="323" y="261"/>
              </a:cxn>
              <a:cxn ang="0">
                <a:pos x="361" y="292"/>
              </a:cxn>
              <a:cxn ang="0">
                <a:pos x="400" y="322"/>
              </a:cxn>
              <a:cxn ang="0">
                <a:pos x="438" y="353"/>
              </a:cxn>
              <a:cxn ang="0">
                <a:pos x="476" y="376"/>
              </a:cxn>
              <a:cxn ang="0">
                <a:pos x="515" y="407"/>
              </a:cxn>
              <a:cxn ang="0">
                <a:pos x="553" y="438"/>
              </a:cxn>
              <a:cxn ang="0">
                <a:pos x="653" y="507"/>
              </a:cxn>
              <a:cxn ang="0">
                <a:pos x="699" y="538"/>
              </a:cxn>
              <a:cxn ang="0">
                <a:pos x="753" y="576"/>
              </a:cxn>
              <a:cxn ang="0">
                <a:pos x="807" y="607"/>
              </a:cxn>
              <a:cxn ang="0">
                <a:pos x="853" y="645"/>
              </a:cxn>
              <a:cxn ang="0">
                <a:pos x="907" y="684"/>
              </a:cxn>
              <a:cxn ang="0">
                <a:pos x="961" y="715"/>
              </a:cxn>
              <a:cxn ang="0">
                <a:pos x="1015" y="753"/>
              </a:cxn>
              <a:cxn ang="0">
                <a:pos x="1061" y="784"/>
              </a:cxn>
              <a:cxn ang="0">
                <a:pos x="1114" y="822"/>
              </a:cxn>
              <a:cxn ang="0">
                <a:pos x="1168" y="861"/>
              </a:cxn>
              <a:cxn ang="0">
                <a:pos x="1222" y="891"/>
              </a:cxn>
              <a:cxn ang="0">
                <a:pos x="1268" y="930"/>
              </a:cxn>
            </a:cxnLst>
            <a:rect l="0" t="0" r="r" b="b"/>
            <a:pathLst>
              <a:path w="1268" h="930">
                <a:moveTo>
                  <a:pt x="0" y="0"/>
                </a:moveTo>
                <a:lnTo>
                  <a:pt x="38" y="30"/>
                </a:lnTo>
                <a:lnTo>
                  <a:pt x="84" y="69"/>
                </a:lnTo>
                <a:lnTo>
                  <a:pt x="123" y="100"/>
                </a:lnTo>
                <a:lnTo>
                  <a:pt x="161" y="130"/>
                </a:lnTo>
                <a:lnTo>
                  <a:pt x="200" y="161"/>
                </a:lnTo>
                <a:lnTo>
                  <a:pt x="238" y="199"/>
                </a:lnTo>
                <a:lnTo>
                  <a:pt x="277" y="230"/>
                </a:lnTo>
                <a:lnTo>
                  <a:pt x="323" y="261"/>
                </a:lnTo>
                <a:lnTo>
                  <a:pt x="361" y="292"/>
                </a:lnTo>
                <a:lnTo>
                  <a:pt x="400" y="322"/>
                </a:lnTo>
                <a:lnTo>
                  <a:pt x="438" y="353"/>
                </a:lnTo>
                <a:lnTo>
                  <a:pt x="476" y="376"/>
                </a:lnTo>
                <a:lnTo>
                  <a:pt x="515" y="407"/>
                </a:lnTo>
                <a:lnTo>
                  <a:pt x="553" y="438"/>
                </a:lnTo>
                <a:lnTo>
                  <a:pt x="653" y="507"/>
                </a:lnTo>
                <a:lnTo>
                  <a:pt x="699" y="538"/>
                </a:lnTo>
                <a:lnTo>
                  <a:pt x="753" y="576"/>
                </a:lnTo>
                <a:lnTo>
                  <a:pt x="807" y="607"/>
                </a:lnTo>
                <a:lnTo>
                  <a:pt x="853" y="645"/>
                </a:lnTo>
                <a:lnTo>
                  <a:pt x="907" y="684"/>
                </a:lnTo>
                <a:lnTo>
                  <a:pt x="961" y="715"/>
                </a:lnTo>
                <a:lnTo>
                  <a:pt x="1015" y="753"/>
                </a:lnTo>
                <a:lnTo>
                  <a:pt x="1061" y="784"/>
                </a:lnTo>
                <a:lnTo>
                  <a:pt x="1114" y="822"/>
                </a:lnTo>
                <a:lnTo>
                  <a:pt x="1168" y="861"/>
                </a:lnTo>
                <a:lnTo>
                  <a:pt x="1222" y="891"/>
                </a:lnTo>
                <a:lnTo>
                  <a:pt x="1268" y="930"/>
                </a:lnTo>
              </a:path>
            </a:pathLst>
          </a:custGeom>
          <a:noFill/>
          <a:ln w="15" cap="flat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82" name="Freeform 874"/>
          <p:cNvSpPr>
            <a:spLocks/>
          </p:cNvSpPr>
          <p:nvPr/>
        </p:nvSpPr>
        <p:spPr bwMode="auto">
          <a:xfrm>
            <a:off x="992188" y="373063"/>
            <a:ext cx="2012950" cy="1476375"/>
          </a:xfrm>
          <a:custGeom>
            <a:avLst/>
            <a:gdLst/>
            <a:ahLst/>
            <a:cxnLst>
              <a:cxn ang="0">
                <a:pos x="0" y="0"/>
              </a:cxn>
              <a:cxn ang="0">
                <a:pos x="38" y="30"/>
              </a:cxn>
              <a:cxn ang="0">
                <a:pos x="84" y="69"/>
              </a:cxn>
              <a:cxn ang="0">
                <a:pos x="123" y="100"/>
              </a:cxn>
              <a:cxn ang="0">
                <a:pos x="161" y="130"/>
              </a:cxn>
              <a:cxn ang="0">
                <a:pos x="200" y="161"/>
              </a:cxn>
              <a:cxn ang="0">
                <a:pos x="238" y="192"/>
              </a:cxn>
              <a:cxn ang="0">
                <a:pos x="277" y="223"/>
              </a:cxn>
              <a:cxn ang="0">
                <a:pos x="323" y="253"/>
              </a:cxn>
              <a:cxn ang="0">
                <a:pos x="361" y="284"/>
              </a:cxn>
              <a:cxn ang="0">
                <a:pos x="400" y="315"/>
              </a:cxn>
              <a:cxn ang="0">
                <a:pos x="438" y="346"/>
              </a:cxn>
              <a:cxn ang="0">
                <a:pos x="476" y="376"/>
              </a:cxn>
              <a:cxn ang="0">
                <a:pos x="515" y="407"/>
              </a:cxn>
              <a:cxn ang="0">
                <a:pos x="553" y="438"/>
              </a:cxn>
              <a:cxn ang="0">
                <a:pos x="653" y="499"/>
              </a:cxn>
              <a:cxn ang="0">
                <a:pos x="699" y="538"/>
              </a:cxn>
              <a:cxn ang="0">
                <a:pos x="753" y="576"/>
              </a:cxn>
              <a:cxn ang="0">
                <a:pos x="807" y="607"/>
              </a:cxn>
              <a:cxn ang="0">
                <a:pos x="853" y="645"/>
              </a:cxn>
              <a:cxn ang="0">
                <a:pos x="907" y="676"/>
              </a:cxn>
              <a:cxn ang="0">
                <a:pos x="961" y="715"/>
              </a:cxn>
              <a:cxn ang="0">
                <a:pos x="1015" y="753"/>
              </a:cxn>
              <a:cxn ang="0">
                <a:pos x="1061" y="784"/>
              </a:cxn>
              <a:cxn ang="0">
                <a:pos x="1114" y="822"/>
              </a:cxn>
              <a:cxn ang="0">
                <a:pos x="1168" y="861"/>
              </a:cxn>
              <a:cxn ang="0">
                <a:pos x="1222" y="899"/>
              </a:cxn>
              <a:cxn ang="0">
                <a:pos x="1268" y="930"/>
              </a:cxn>
            </a:cxnLst>
            <a:rect l="0" t="0" r="r" b="b"/>
            <a:pathLst>
              <a:path w="1268" h="930">
                <a:moveTo>
                  <a:pt x="0" y="0"/>
                </a:moveTo>
                <a:lnTo>
                  <a:pt x="38" y="30"/>
                </a:lnTo>
                <a:lnTo>
                  <a:pt x="84" y="69"/>
                </a:lnTo>
                <a:lnTo>
                  <a:pt x="123" y="100"/>
                </a:lnTo>
                <a:lnTo>
                  <a:pt x="161" y="130"/>
                </a:lnTo>
                <a:lnTo>
                  <a:pt x="200" y="161"/>
                </a:lnTo>
                <a:lnTo>
                  <a:pt x="238" y="192"/>
                </a:lnTo>
                <a:lnTo>
                  <a:pt x="277" y="223"/>
                </a:lnTo>
                <a:lnTo>
                  <a:pt x="323" y="253"/>
                </a:lnTo>
                <a:lnTo>
                  <a:pt x="361" y="284"/>
                </a:lnTo>
                <a:lnTo>
                  <a:pt x="400" y="315"/>
                </a:lnTo>
                <a:lnTo>
                  <a:pt x="438" y="346"/>
                </a:lnTo>
                <a:lnTo>
                  <a:pt x="476" y="376"/>
                </a:lnTo>
                <a:lnTo>
                  <a:pt x="515" y="407"/>
                </a:lnTo>
                <a:lnTo>
                  <a:pt x="553" y="438"/>
                </a:lnTo>
                <a:lnTo>
                  <a:pt x="653" y="499"/>
                </a:lnTo>
                <a:lnTo>
                  <a:pt x="699" y="538"/>
                </a:lnTo>
                <a:lnTo>
                  <a:pt x="753" y="576"/>
                </a:lnTo>
                <a:lnTo>
                  <a:pt x="807" y="607"/>
                </a:lnTo>
                <a:lnTo>
                  <a:pt x="853" y="645"/>
                </a:lnTo>
                <a:lnTo>
                  <a:pt x="907" y="676"/>
                </a:lnTo>
                <a:lnTo>
                  <a:pt x="961" y="715"/>
                </a:lnTo>
                <a:lnTo>
                  <a:pt x="1015" y="753"/>
                </a:lnTo>
                <a:lnTo>
                  <a:pt x="1061" y="784"/>
                </a:lnTo>
                <a:lnTo>
                  <a:pt x="1114" y="822"/>
                </a:lnTo>
                <a:lnTo>
                  <a:pt x="1168" y="861"/>
                </a:lnTo>
                <a:lnTo>
                  <a:pt x="1222" y="899"/>
                </a:lnTo>
                <a:lnTo>
                  <a:pt x="1268" y="930"/>
                </a:lnTo>
              </a:path>
            </a:pathLst>
          </a:custGeom>
          <a:noFill/>
          <a:ln w="22225" cap="flat">
            <a:solidFill>
              <a:srgbClr val="92D05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83" name="Rectangle 875"/>
          <p:cNvSpPr>
            <a:spLocks noChangeArrowheads="1"/>
          </p:cNvSpPr>
          <p:nvPr/>
        </p:nvSpPr>
        <p:spPr bwMode="auto">
          <a:xfrm>
            <a:off x="886817" y="6400584"/>
            <a:ext cx="3072034" cy="307777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2000" dirty="0">
                <a:latin typeface="Helvetica" charset="0"/>
              </a:rPr>
              <a:t>Individual w</a:t>
            </a:r>
            <a:r>
              <a:rPr kumimoji="0" lang="en-US" sz="2000" b="0" i="0" u="none" strike="noStrike" cap="none" normalizeH="0" baseline="0" dirty="0">
                <a:ln>
                  <a:noFill/>
                </a:ln>
                <a:effectLst/>
                <a:latin typeface="Helvetica" charset="0"/>
              </a:rPr>
              <a:t>eight</a:t>
            </a:r>
            <a:endParaRPr kumimoji="0" lang="en-US" sz="2000" b="0" i="0" u="none" strike="noStrike" cap="none" normalizeH="0" baseline="0" dirty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284" name="Rectangle 876"/>
          <p:cNvSpPr>
            <a:spLocks noChangeArrowheads="1"/>
          </p:cNvSpPr>
          <p:nvPr/>
        </p:nvSpPr>
        <p:spPr bwMode="auto">
          <a:xfrm rot="16200000">
            <a:off x="-177175" y="2987474"/>
            <a:ext cx="936154" cy="2769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b="0" i="0" u="none" strike="noStrike" cap="none" normalizeH="0" baseline="0" dirty="0">
                <a:ln>
                  <a:noFill/>
                </a:ln>
                <a:effectLst/>
                <a:latin typeface="Helvetica" charset="0"/>
              </a:rPr>
              <a:t>Numbers</a:t>
            </a:r>
            <a:endParaRPr kumimoji="0" lang="en-US" b="0" i="0" u="none" strike="noStrike" cap="none" normalizeH="0" baseline="0" dirty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913" name="TextBox 912"/>
          <p:cNvSpPr txBox="1"/>
          <p:nvPr/>
        </p:nvSpPr>
        <p:spPr>
          <a:xfrm>
            <a:off x="3810000" y="6172200"/>
            <a:ext cx="58060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/>
              <a:t>10 g</a:t>
            </a:r>
            <a:endParaRPr lang="en-US" dirty="0"/>
          </a:p>
        </p:txBody>
      </p:sp>
      <p:sp>
        <p:nvSpPr>
          <p:cNvPr id="914" name="TextBox 913"/>
          <p:cNvSpPr txBox="1"/>
          <p:nvPr/>
        </p:nvSpPr>
        <p:spPr>
          <a:xfrm>
            <a:off x="5867400" y="6172200"/>
            <a:ext cx="56778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/>
              <a:t>1 kg</a:t>
            </a:r>
            <a:endParaRPr lang="en-US" dirty="0"/>
          </a:p>
        </p:txBody>
      </p:sp>
      <p:sp>
        <p:nvSpPr>
          <p:cNvPr id="915" name="TextBox 914"/>
          <p:cNvSpPr txBox="1"/>
          <p:nvPr/>
        </p:nvSpPr>
        <p:spPr>
          <a:xfrm>
            <a:off x="7848600" y="6172200"/>
            <a:ext cx="80182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/>
              <a:t>100 kg</a:t>
            </a:r>
            <a:endParaRPr lang="en-US" dirty="0"/>
          </a:p>
        </p:txBody>
      </p:sp>
      <p:sp>
        <p:nvSpPr>
          <p:cNvPr id="916" name="TextBox 915"/>
          <p:cNvSpPr txBox="1"/>
          <p:nvPr/>
        </p:nvSpPr>
        <p:spPr>
          <a:xfrm>
            <a:off x="1714500" y="6134100"/>
            <a:ext cx="63831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/>
              <a:t>0.1 g</a:t>
            </a:r>
            <a:endParaRPr lang="en-US" dirty="0"/>
          </a:p>
        </p:txBody>
      </p:sp>
      <p:cxnSp>
        <p:nvCxnSpPr>
          <p:cNvPr id="935" name="Straight Connector 934"/>
          <p:cNvCxnSpPr/>
          <p:nvPr/>
        </p:nvCxnSpPr>
        <p:spPr>
          <a:xfrm>
            <a:off x="2582094" y="912977"/>
            <a:ext cx="6561906" cy="12923"/>
          </a:xfrm>
          <a:prstGeom prst="line">
            <a:avLst/>
          </a:prstGeom>
          <a:ln w="412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1" name="Title 1"/>
          <p:cNvSpPr txBox="1">
            <a:spLocks/>
          </p:cNvSpPr>
          <p:nvPr/>
        </p:nvSpPr>
        <p:spPr bwMode="auto">
          <a:xfrm>
            <a:off x="2513832" y="-61549"/>
            <a:ext cx="8208912" cy="9087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norm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3600" b="1" i="0" u="none" strike="noStrike" kern="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  <a:uLnTx/>
                <a:uFillTx/>
                <a:latin typeface="+mj-lt"/>
                <a:ea typeface="+mj-ea"/>
                <a:cs typeface="+mj-cs"/>
              </a:rPr>
              <a:t>Fish </a:t>
            </a:r>
            <a:r>
              <a:rPr kumimoji="0" lang="da-DK" sz="3600" b="1" i="0" u="none" strike="noStrike" kern="0" cap="none" spc="0" normalizeH="0" baseline="0" noProof="0" dirty="0" err="1">
                <a:ln>
                  <a:noFill/>
                </a:ln>
                <a:solidFill>
                  <a:schemeClr val="tx1"/>
                </a:solidFill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  <a:uLnTx/>
                <a:uFillTx/>
                <a:latin typeface="+mj-lt"/>
                <a:ea typeface="+mj-ea"/>
                <a:cs typeface="+mj-cs"/>
              </a:rPr>
              <a:t>community</a:t>
            </a:r>
            <a:endParaRPr kumimoji="0" lang="en-US" sz="3600" b="1" i="0" u="none" strike="noStrike" kern="0" cap="none" spc="0" normalizeH="0" baseline="0" noProof="0" dirty="0">
              <a:ln>
                <a:noFill/>
              </a:ln>
              <a:solidFill>
                <a:schemeClr val="tx1"/>
              </a:solidFill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  <a:uLnTx/>
              <a:uFillTx/>
              <a:latin typeface="+mj-lt"/>
              <a:ea typeface="+mj-ea"/>
              <a:cs typeface="+mj-cs"/>
            </a:endParaRPr>
          </a:p>
        </p:txBody>
      </p:sp>
      <p:sp>
        <p:nvSpPr>
          <p:cNvPr id="10" name="TextBox 9"/>
          <p:cNvSpPr txBox="1"/>
          <p:nvPr/>
        </p:nvSpPr>
        <p:spPr>
          <a:xfrm rot="2170305">
            <a:off x="1259882" y="497475"/>
            <a:ext cx="107433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/>
              <a:t>Plankton</a:t>
            </a:r>
          </a:p>
        </p:txBody>
      </p:sp>
      <p:sp>
        <p:nvSpPr>
          <p:cNvPr id="240" name="Freeform 845"/>
          <p:cNvSpPr>
            <a:spLocks/>
          </p:cNvSpPr>
          <p:nvPr/>
        </p:nvSpPr>
        <p:spPr bwMode="auto">
          <a:xfrm>
            <a:off x="2028825" y="2386013"/>
            <a:ext cx="2209800" cy="830263"/>
          </a:xfrm>
          <a:custGeom>
            <a:avLst/>
            <a:gdLst/>
            <a:ahLst/>
            <a:cxnLst>
              <a:cxn ang="0">
                <a:pos x="0" y="246"/>
              </a:cxn>
              <a:cxn ang="0">
                <a:pos x="46" y="246"/>
              </a:cxn>
              <a:cxn ang="0">
                <a:pos x="100" y="246"/>
              </a:cxn>
              <a:cxn ang="0">
                <a:pos x="154" y="246"/>
              </a:cxn>
              <a:cxn ang="0">
                <a:pos x="200" y="246"/>
              </a:cxn>
              <a:cxn ang="0">
                <a:pos x="254" y="246"/>
              </a:cxn>
              <a:cxn ang="0">
                <a:pos x="308" y="238"/>
              </a:cxn>
              <a:cxn ang="0">
                <a:pos x="362" y="238"/>
              </a:cxn>
              <a:cxn ang="0">
                <a:pos x="408" y="238"/>
              </a:cxn>
              <a:cxn ang="0">
                <a:pos x="461" y="238"/>
              </a:cxn>
              <a:cxn ang="0">
                <a:pos x="515" y="231"/>
              </a:cxn>
              <a:cxn ang="0">
                <a:pos x="569" y="231"/>
              </a:cxn>
              <a:cxn ang="0">
                <a:pos x="615" y="223"/>
              </a:cxn>
              <a:cxn ang="0">
                <a:pos x="669" y="223"/>
              </a:cxn>
              <a:cxn ang="0">
                <a:pos x="723" y="215"/>
              </a:cxn>
              <a:cxn ang="0">
                <a:pos x="769" y="208"/>
              </a:cxn>
              <a:cxn ang="0">
                <a:pos x="823" y="200"/>
              </a:cxn>
              <a:cxn ang="0">
                <a:pos x="877" y="185"/>
              </a:cxn>
              <a:cxn ang="0">
                <a:pos x="930" y="154"/>
              </a:cxn>
              <a:cxn ang="0">
                <a:pos x="977" y="85"/>
              </a:cxn>
              <a:cxn ang="0">
                <a:pos x="1030" y="31"/>
              </a:cxn>
              <a:cxn ang="0">
                <a:pos x="1084" y="8"/>
              </a:cxn>
              <a:cxn ang="0">
                <a:pos x="1138" y="0"/>
              </a:cxn>
              <a:cxn ang="0">
                <a:pos x="1184" y="0"/>
              </a:cxn>
              <a:cxn ang="0">
                <a:pos x="1238" y="0"/>
              </a:cxn>
              <a:cxn ang="0">
                <a:pos x="1292" y="15"/>
              </a:cxn>
              <a:cxn ang="0">
                <a:pos x="1338" y="62"/>
              </a:cxn>
              <a:cxn ang="0">
                <a:pos x="1392" y="523"/>
              </a:cxn>
            </a:cxnLst>
            <a:rect l="0" t="0" r="r" b="b"/>
            <a:pathLst>
              <a:path w="1392" h="523">
                <a:moveTo>
                  <a:pt x="0" y="246"/>
                </a:moveTo>
                <a:lnTo>
                  <a:pt x="46" y="246"/>
                </a:lnTo>
                <a:lnTo>
                  <a:pt x="100" y="246"/>
                </a:lnTo>
                <a:lnTo>
                  <a:pt x="154" y="246"/>
                </a:lnTo>
                <a:lnTo>
                  <a:pt x="200" y="246"/>
                </a:lnTo>
                <a:lnTo>
                  <a:pt x="254" y="246"/>
                </a:lnTo>
                <a:lnTo>
                  <a:pt x="308" y="238"/>
                </a:lnTo>
                <a:lnTo>
                  <a:pt x="362" y="238"/>
                </a:lnTo>
                <a:lnTo>
                  <a:pt x="408" y="238"/>
                </a:lnTo>
                <a:lnTo>
                  <a:pt x="461" y="238"/>
                </a:lnTo>
                <a:lnTo>
                  <a:pt x="515" y="231"/>
                </a:lnTo>
                <a:lnTo>
                  <a:pt x="569" y="231"/>
                </a:lnTo>
                <a:lnTo>
                  <a:pt x="615" y="223"/>
                </a:lnTo>
                <a:lnTo>
                  <a:pt x="669" y="223"/>
                </a:lnTo>
                <a:lnTo>
                  <a:pt x="723" y="215"/>
                </a:lnTo>
                <a:lnTo>
                  <a:pt x="769" y="208"/>
                </a:lnTo>
                <a:lnTo>
                  <a:pt x="823" y="200"/>
                </a:lnTo>
                <a:lnTo>
                  <a:pt x="877" y="185"/>
                </a:lnTo>
                <a:lnTo>
                  <a:pt x="930" y="154"/>
                </a:lnTo>
                <a:lnTo>
                  <a:pt x="977" y="85"/>
                </a:lnTo>
                <a:lnTo>
                  <a:pt x="1030" y="31"/>
                </a:lnTo>
                <a:lnTo>
                  <a:pt x="1084" y="8"/>
                </a:lnTo>
                <a:lnTo>
                  <a:pt x="1138" y="0"/>
                </a:lnTo>
                <a:lnTo>
                  <a:pt x="1184" y="0"/>
                </a:lnTo>
                <a:lnTo>
                  <a:pt x="1238" y="0"/>
                </a:lnTo>
                <a:lnTo>
                  <a:pt x="1292" y="15"/>
                </a:lnTo>
                <a:lnTo>
                  <a:pt x="1338" y="62"/>
                </a:lnTo>
                <a:lnTo>
                  <a:pt x="1392" y="523"/>
                </a:lnTo>
              </a:path>
            </a:pathLst>
          </a:cu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41" name="Freeform 846"/>
          <p:cNvSpPr>
            <a:spLocks/>
          </p:cNvSpPr>
          <p:nvPr/>
        </p:nvSpPr>
        <p:spPr bwMode="auto">
          <a:xfrm>
            <a:off x="2028825" y="2520950"/>
            <a:ext cx="2439988" cy="801688"/>
          </a:xfrm>
          <a:custGeom>
            <a:avLst/>
            <a:gdLst>
              <a:gd name="connsiteX0" fmla="*/ 0 w 1537"/>
              <a:gd name="connsiteY0" fmla="*/ 269 h 505"/>
              <a:gd name="connsiteX1" fmla="*/ 46 w 1537"/>
              <a:gd name="connsiteY1" fmla="*/ 269 h 505"/>
              <a:gd name="connsiteX2" fmla="*/ 100 w 1537"/>
              <a:gd name="connsiteY2" fmla="*/ 269 h 505"/>
              <a:gd name="connsiteX3" fmla="*/ 154 w 1537"/>
              <a:gd name="connsiteY3" fmla="*/ 269 h 505"/>
              <a:gd name="connsiteX4" fmla="*/ 200 w 1537"/>
              <a:gd name="connsiteY4" fmla="*/ 269 h 505"/>
              <a:gd name="connsiteX5" fmla="*/ 254 w 1537"/>
              <a:gd name="connsiteY5" fmla="*/ 269 h 505"/>
              <a:gd name="connsiteX6" fmla="*/ 308 w 1537"/>
              <a:gd name="connsiteY6" fmla="*/ 269 h 505"/>
              <a:gd name="connsiteX7" fmla="*/ 362 w 1537"/>
              <a:gd name="connsiteY7" fmla="*/ 261 h 505"/>
              <a:gd name="connsiteX8" fmla="*/ 408 w 1537"/>
              <a:gd name="connsiteY8" fmla="*/ 261 h 505"/>
              <a:gd name="connsiteX9" fmla="*/ 461 w 1537"/>
              <a:gd name="connsiteY9" fmla="*/ 261 h 505"/>
              <a:gd name="connsiteX10" fmla="*/ 515 w 1537"/>
              <a:gd name="connsiteY10" fmla="*/ 253 h 505"/>
              <a:gd name="connsiteX11" fmla="*/ 569 w 1537"/>
              <a:gd name="connsiteY11" fmla="*/ 253 h 505"/>
              <a:gd name="connsiteX12" fmla="*/ 615 w 1537"/>
              <a:gd name="connsiteY12" fmla="*/ 246 h 505"/>
              <a:gd name="connsiteX13" fmla="*/ 669 w 1537"/>
              <a:gd name="connsiteY13" fmla="*/ 246 h 505"/>
              <a:gd name="connsiteX14" fmla="*/ 723 w 1537"/>
              <a:gd name="connsiteY14" fmla="*/ 238 h 505"/>
              <a:gd name="connsiteX15" fmla="*/ 769 w 1537"/>
              <a:gd name="connsiteY15" fmla="*/ 230 h 505"/>
              <a:gd name="connsiteX16" fmla="*/ 823 w 1537"/>
              <a:gd name="connsiteY16" fmla="*/ 223 h 505"/>
              <a:gd name="connsiteX17" fmla="*/ 877 w 1537"/>
              <a:gd name="connsiteY17" fmla="*/ 215 h 505"/>
              <a:gd name="connsiteX18" fmla="*/ 930 w 1537"/>
              <a:gd name="connsiteY18" fmla="*/ 207 h 505"/>
              <a:gd name="connsiteX19" fmla="*/ 977 w 1537"/>
              <a:gd name="connsiteY19" fmla="*/ 199 h 505"/>
              <a:gd name="connsiteX20" fmla="*/ 1030 w 1537"/>
              <a:gd name="connsiteY20" fmla="*/ 184 h 505"/>
              <a:gd name="connsiteX21" fmla="*/ 1084 w 1537"/>
              <a:gd name="connsiteY21" fmla="*/ 146 h 505"/>
              <a:gd name="connsiteX22" fmla="*/ 1138 w 1537"/>
              <a:gd name="connsiteY22" fmla="*/ 76 h 505"/>
              <a:gd name="connsiteX23" fmla="*/ 1184 w 1537"/>
              <a:gd name="connsiteY23" fmla="*/ 23 h 505"/>
              <a:gd name="connsiteX24" fmla="*/ 1238 w 1537"/>
              <a:gd name="connsiteY24" fmla="*/ 7 h 505"/>
              <a:gd name="connsiteX25" fmla="*/ 1292 w 1537"/>
              <a:gd name="connsiteY25" fmla="*/ 0 h 505"/>
              <a:gd name="connsiteX26" fmla="*/ 1338 w 1537"/>
              <a:gd name="connsiteY26" fmla="*/ 7 h 505"/>
              <a:gd name="connsiteX27" fmla="*/ 1392 w 1537"/>
              <a:gd name="connsiteY27" fmla="*/ 23 h 505"/>
              <a:gd name="connsiteX28" fmla="*/ 1445 w 1537"/>
              <a:gd name="connsiteY28" fmla="*/ 53 h 505"/>
              <a:gd name="connsiteX29" fmla="*/ 1499 w 1537"/>
              <a:gd name="connsiteY29" fmla="*/ 138 h 505"/>
              <a:gd name="connsiteX30" fmla="*/ 1537 w 1537"/>
              <a:gd name="connsiteY30" fmla="*/ 505 h 50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</a:cxnLst>
            <a:rect l="l" t="t" r="r" b="b"/>
            <a:pathLst>
              <a:path w="1537" h="505">
                <a:moveTo>
                  <a:pt x="0" y="269"/>
                </a:moveTo>
                <a:lnTo>
                  <a:pt x="46" y="269"/>
                </a:lnTo>
                <a:lnTo>
                  <a:pt x="100" y="269"/>
                </a:lnTo>
                <a:lnTo>
                  <a:pt x="154" y="269"/>
                </a:lnTo>
                <a:lnTo>
                  <a:pt x="200" y="269"/>
                </a:lnTo>
                <a:lnTo>
                  <a:pt x="254" y="269"/>
                </a:lnTo>
                <a:lnTo>
                  <a:pt x="308" y="269"/>
                </a:lnTo>
                <a:cubicBezTo>
                  <a:pt x="326" y="266"/>
                  <a:pt x="344" y="264"/>
                  <a:pt x="362" y="261"/>
                </a:cubicBezTo>
                <a:lnTo>
                  <a:pt x="408" y="261"/>
                </a:lnTo>
                <a:lnTo>
                  <a:pt x="461" y="261"/>
                </a:lnTo>
                <a:cubicBezTo>
                  <a:pt x="479" y="258"/>
                  <a:pt x="497" y="256"/>
                  <a:pt x="515" y="253"/>
                </a:cubicBezTo>
                <a:lnTo>
                  <a:pt x="569" y="253"/>
                </a:lnTo>
                <a:cubicBezTo>
                  <a:pt x="584" y="251"/>
                  <a:pt x="600" y="248"/>
                  <a:pt x="615" y="246"/>
                </a:cubicBezTo>
                <a:lnTo>
                  <a:pt x="669" y="246"/>
                </a:lnTo>
                <a:cubicBezTo>
                  <a:pt x="687" y="243"/>
                  <a:pt x="705" y="241"/>
                  <a:pt x="723" y="238"/>
                </a:cubicBezTo>
                <a:cubicBezTo>
                  <a:pt x="738" y="235"/>
                  <a:pt x="754" y="233"/>
                  <a:pt x="769" y="230"/>
                </a:cubicBezTo>
                <a:cubicBezTo>
                  <a:pt x="787" y="228"/>
                  <a:pt x="805" y="225"/>
                  <a:pt x="823" y="223"/>
                </a:cubicBezTo>
                <a:cubicBezTo>
                  <a:pt x="841" y="220"/>
                  <a:pt x="859" y="218"/>
                  <a:pt x="877" y="215"/>
                </a:cubicBezTo>
                <a:cubicBezTo>
                  <a:pt x="895" y="212"/>
                  <a:pt x="912" y="210"/>
                  <a:pt x="930" y="207"/>
                </a:cubicBezTo>
                <a:cubicBezTo>
                  <a:pt x="946" y="204"/>
                  <a:pt x="961" y="202"/>
                  <a:pt x="977" y="199"/>
                </a:cubicBezTo>
                <a:lnTo>
                  <a:pt x="1030" y="184"/>
                </a:lnTo>
                <a:cubicBezTo>
                  <a:pt x="1048" y="171"/>
                  <a:pt x="1066" y="159"/>
                  <a:pt x="1084" y="146"/>
                </a:cubicBezTo>
                <a:cubicBezTo>
                  <a:pt x="1102" y="123"/>
                  <a:pt x="1120" y="99"/>
                  <a:pt x="1138" y="76"/>
                </a:cubicBezTo>
                <a:cubicBezTo>
                  <a:pt x="1153" y="58"/>
                  <a:pt x="1169" y="41"/>
                  <a:pt x="1184" y="23"/>
                </a:cubicBezTo>
                <a:cubicBezTo>
                  <a:pt x="1202" y="18"/>
                  <a:pt x="1220" y="12"/>
                  <a:pt x="1238" y="7"/>
                </a:cubicBezTo>
                <a:cubicBezTo>
                  <a:pt x="1256" y="5"/>
                  <a:pt x="1274" y="2"/>
                  <a:pt x="1292" y="0"/>
                </a:cubicBezTo>
                <a:cubicBezTo>
                  <a:pt x="1307" y="2"/>
                  <a:pt x="1323" y="5"/>
                  <a:pt x="1338" y="7"/>
                </a:cubicBezTo>
                <a:cubicBezTo>
                  <a:pt x="1356" y="12"/>
                  <a:pt x="1374" y="18"/>
                  <a:pt x="1392" y="23"/>
                </a:cubicBezTo>
                <a:cubicBezTo>
                  <a:pt x="1410" y="33"/>
                  <a:pt x="1427" y="43"/>
                  <a:pt x="1445" y="53"/>
                </a:cubicBezTo>
                <a:cubicBezTo>
                  <a:pt x="1463" y="81"/>
                  <a:pt x="1481" y="110"/>
                  <a:pt x="1499" y="138"/>
                </a:cubicBezTo>
                <a:cubicBezTo>
                  <a:pt x="1514" y="476"/>
                  <a:pt x="1522" y="167"/>
                  <a:pt x="1537" y="505"/>
                </a:cubicBezTo>
              </a:path>
            </a:pathLst>
          </a:cu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43" name="Freeform 855"/>
          <p:cNvSpPr>
            <a:spLocks/>
          </p:cNvSpPr>
          <p:nvPr/>
        </p:nvSpPr>
        <p:spPr bwMode="auto">
          <a:xfrm>
            <a:off x="2028825" y="4278313"/>
            <a:ext cx="4589463" cy="304800"/>
          </a:xfrm>
          <a:custGeom>
            <a:avLst/>
            <a:gdLst/>
            <a:ahLst/>
            <a:cxnLst>
              <a:cxn ang="0">
                <a:pos x="0" y="184"/>
              </a:cxn>
              <a:cxn ang="0">
                <a:pos x="46" y="184"/>
              </a:cxn>
              <a:cxn ang="0">
                <a:pos x="100" y="184"/>
              </a:cxn>
              <a:cxn ang="0">
                <a:pos x="154" y="184"/>
              </a:cxn>
              <a:cxn ang="0">
                <a:pos x="200" y="184"/>
              </a:cxn>
              <a:cxn ang="0">
                <a:pos x="254" y="176"/>
              </a:cxn>
              <a:cxn ang="0">
                <a:pos x="308" y="176"/>
              </a:cxn>
              <a:cxn ang="0">
                <a:pos x="362" y="176"/>
              </a:cxn>
              <a:cxn ang="0">
                <a:pos x="408" y="169"/>
              </a:cxn>
              <a:cxn ang="0">
                <a:pos x="461" y="169"/>
              </a:cxn>
              <a:cxn ang="0">
                <a:pos x="515" y="169"/>
              </a:cxn>
              <a:cxn ang="0">
                <a:pos x="569" y="161"/>
              </a:cxn>
              <a:cxn ang="0">
                <a:pos x="615" y="153"/>
              </a:cxn>
              <a:cxn ang="0">
                <a:pos x="669" y="146"/>
              </a:cxn>
              <a:cxn ang="0">
                <a:pos x="723" y="146"/>
              </a:cxn>
              <a:cxn ang="0">
                <a:pos x="769" y="138"/>
              </a:cxn>
              <a:cxn ang="0">
                <a:pos x="823" y="123"/>
              </a:cxn>
              <a:cxn ang="0">
                <a:pos x="877" y="115"/>
              </a:cxn>
              <a:cxn ang="0">
                <a:pos x="930" y="107"/>
              </a:cxn>
              <a:cxn ang="0">
                <a:pos x="977" y="100"/>
              </a:cxn>
              <a:cxn ang="0">
                <a:pos x="1030" y="84"/>
              </a:cxn>
              <a:cxn ang="0">
                <a:pos x="1084" y="76"/>
              </a:cxn>
              <a:cxn ang="0">
                <a:pos x="1138" y="61"/>
              </a:cxn>
              <a:cxn ang="0">
                <a:pos x="1184" y="46"/>
              </a:cxn>
              <a:cxn ang="0">
                <a:pos x="1238" y="38"/>
              </a:cxn>
              <a:cxn ang="0">
                <a:pos x="1292" y="30"/>
              </a:cxn>
              <a:cxn ang="0">
                <a:pos x="1338" y="15"/>
              </a:cxn>
              <a:cxn ang="0">
                <a:pos x="1392" y="7"/>
              </a:cxn>
              <a:cxn ang="0">
                <a:pos x="1445" y="0"/>
              </a:cxn>
              <a:cxn ang="0">
                <a:pos x="1499" y="0"/>
              </a:cxn>
              <a:cxn ang="0">
                <a:pos x="1545" y="0"/>
              </a:cxn>
              <a:cxn ang="0">
                <a:pos x="1599" y="0"/>
              </a:cxn>
              <a:cxn ang="0">
                <a:pos x="1653" y="7"/>
              </a:cxn>
              <a:cxn ang="0">
                <a:pos x="1707" y="15"/>
              </a:cxn>
              <a:cxn ang="0">
                <a:pos x="1753" y="23"/>
              </a:cxn>
              <a:cxn ang="0">
                <a:pos x="1807" y="38"/>
              </a:cxn>
              <a:cxn ang="0">
                <a:pos x="1861" y="53"/>
              </a:cxn>
              <a:cxn ang="0">
                <a:pos x="1914" y="69"/>
              </a:cxn>
              <a:cxn ang="0">
                <a:pos x="1961" y="92"/>
              </a:cxn>
              <a:cxn ang="0">
                <a:pos x="2014" y="107"/>
              </a:cxn>
              <a:cxn ang="0">
                <a:pos x="2068" y="123"/>
              </a:cxn>
              <a:cxn ang="0">
                <a:pos x="2114" y="138"/>
              </a:cxn>
              <a:cxn ang="0">
                <a:pos x="2168" y="153"/>
              </a:cxn>
              <a:cxn ang="0">
                <a:pos x="2222" y="169"/>
              </a:cxn>
              <a:cxn ang="0">
                <a:pos x="2276" y="176"/>
              </a:cxn>
              <a:cxn ang="0">
                <a:pos x="2322" y="184"/>
              </a:cxn>
              <a:cxn ang="0">
                <a:pos x="2376" y="192"/>
              </a:cxn>
              <a:cxn ang="0">
                <a:pos x="2429" y="184"/>
              </a:cxn>
              <a:cxn ang="0">
                <a:pos x="2483" y="138"/>
              </a:cxn>
              <a:cxn ang="0">
                <a:pos x="2529" y="84"/>
              </a:cxn>
              <a:cxn ang="0">
                <a:pos x="2583" y="69"/>
              </a:cxn>
              <a:cxn ang="0">
                <a:pos x="2637" y="69"/>
              </a:cxn>
              <a:cxn ang="0">
                <a:pos x="2683" y="61"/>
              </a:cxn>
              <a:cxn ang="0">
                <a:pos x="2737" y="61"/>
              </a:cxn>
              <a:cxn ang="0">
                <a:pos x="2791" y="46"/>
              </a:cxn>
              <a:cxn ang="0">
                <a:pos x="2845" y="23"/>
              </a:cxn>
              <a:cxn ang="0">
                <a:pos x="2891" y="169"/>
              </a:cxn>
            </a:cxnLst>
            <a:rect l="0" t="0" r="r" b="b"/>
            <a:pathLst>
              <a:path w="2891" h="192">
                <a:moveTo>
                  <a:pt x="0" y="184"/>
                </a:moveTo>
                <a:lnTo>
                  <a:pt x="46" y="184"/>
                </a:lnTo>
                <a:lnTo>
                  <a:pt x="100" y="184"/>
                </a:lnTo>
                <a:lnTo>
                  <a:pt x="154" y="184"/>
                </a:lnTo>
                <a:lnTo>
                  <a:pt x="200" y="184"/>
                </a:lnTo>
                <a:lnTo>
                  <a:pt x="254" y="176"/>
                </a:lnTo>
                <a:lnTo>
                  <a:pt x="308" y="176"/>
                </a:lnTo>
                <a:lnTo>
                  <a:pt x="362" y="176"/>
                </a:lnTo>
                <a:lnTo>
                  <a:pt x="408" y="169"/>
                </a:lnTo>
                <a:lnTo>
                  <a:pt x="461" y="169"/>
                </a:lnTo>
                <a:lnTo>
                  <a:pt x="515" y="169"/>
                </a:lnTo>
                <a:lnTo>
                  <a:pt x="569" y="161"/>
                </a:lnTo>
                <a:lnTo>
                  <a:pt x="615" y="153"/>
                </a:lnTo>
                <a:lnTo>
                  <a:pt x="669" y="146"/>
                </a:lnTo>
                <a:lnTo>
                  <a:pt x="723" y="146"/>
                </a:lnTo>
                <a:lnTo>
                  <a:pt x="769" y="138"/>
                </a:lnTo>
                <a:lnTo>
                  <a:pt x="823" y="123"/>
                </a:lnTo>
                <a:lnTo>
                  <a:pt x="877" y="115"/>
                </a:lnTo>
                <a:lnTo>
                  <a:pt x="930" y="107"/>
                </a:lnTo>
                <a:lnTo>
                  <a:pt x="977" y="100"/>
                </a:lnTo>
                <a:lnTo>
                  <a:pt x="1030" y="84"/>
                </a:lnTo>
                <a:lnTo>
                  <a:pt x="1084" y="76"/>
                </a:lnTo>
                <a:lnTo>
                  <a:pt x="1138" y="61"/>
                </a:lnTo>
                <a:lnTo>
                  <a:pt x="1184" y="46"/>
                </a:lnTo>
                <a:lnTo>
                  <a:pt x="1238" y="38"/>
                </a:lnTo>
                <a:lnTo>
                  <a:pt x="1292" y="30"/>
                </a:lnTo>
                <a:lnTo>
                  <a:pt x="1338" y="15"/>
                </a:lnTo>
                <a:lnTo>
                  <a:pt x="1392" y="7"/>
                </a:lnTo>
                <a:lnTo>
                  <a:pt x="1445" y="0"/>
                </a:lnTo>
                <a:lnTo>
                  <a:pt x="1499" y="0"/>
                </a:lnTo>
                <a:lnTo>
                  <a:pt x="1545" y="0"/>
                </a:lnTo>
                <a:lnTo>
                  <a:pt x="1599" y="0"/>
                </a:lnTo>
                <a:lnTo>
                  <a:pt x="1653" y="7"/>
                </a:lnTo>
                <a:lnTo>
                  <a:pt x="1707" y="15"/>
                </a:lnTo>
                <a:lnTo>
                  <a:pt x="1753" y="23"/>
                </a:lnTo>
                <a:lnTo>
                  <a:pt x="1807" y="38"/>
                </a:lnTo>
                <a:lnTo>
                  <a:pt x="1861" y="53"/>
                </a:lnTo>
                <a:lnTo>
                  <a:pt x="1914" y="69"/>
                </a:lnTo>
                <a:lnTo>
                  <a:pt x="1961" y="92"/>
                </a:lnTo>
                <a:lnTo>
                  <a:pt x="2014" y="107"/>
                </a:lnTo>
                <a:lnTo>
                  <a:pt x="2068" y="123"/>
                </a:lnTo>
                <a:lnTo>
                  <a:pt x="2114" y="138"/>
                </a:lnTo>
                <a:lnTo>
                  <a:pt x="2168" y="153"/>
                </a:lnTo>
                <a:lnTo>
                  <a:pt x="2222" y="169"/>
                </a:lnTo>
                <a:lnTo>
                  <a:pt x="2276" y="176"/>
                </a:lnTo>
                <a:lnTo>
                  <a:pt x="2322" y="184"/>
                </a:lnTo>
                <a:lnTo>
                  <a:pt x="2376" y="192"/>
                </a:lnTo>
                <a:lnTo>
                  <a:pt x="2429" y="184"/>
                </a:lnTo>
                <a:lnTo>
                  <a:pt x="2483" y="138"/>
                </a:lnTo>
                <a:lnTo>
                  <a:pt x="2529" y="84"/>
                </a:lnTo>
                <a:lnTo>
                  <a:pt x="2583" y="69"/>
                </a:lnTo>
                <a:lnTo>
                  <a:pt x="2637" y="69"/>
                </a:lnTo>
                <a:lnTo>
                  <a:pt x="2683" y="61"/>
                </a:lnTo>
                <a:lnTo>
                  <a:pt x="2737" y="61"/>
                </a:lnTo>
                <a:lnTo>
                  <a:pt x="2791" y="46"/>
                </a:lnTo>
                <a:lnTo>
                  <a:pt x="2845" y="23"/>
                </a:lnTo>
                <a:lnTo>
                  <a:pt x="2891" y="169"/>
                </a:lnTo>
              </a:path>
            </a:pathLst>
          </a:cu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45" name="Freeform 859"/>
          <p:cNvSpPr>
            <a:spLocks/>
          </p:cNvSpPr>
          <p:nvPr/>
        </p:nvSpPr>
        <p:spPr bwMode="auto">
          <a:xfrm>
            <a:off x="2028825" y="4594225"/>
            <a:ext cx="5576888" cy="1355725"/>
          </a:xfrm>
          <a:custGeom>
            <a:avLst/>
            <a:gdLst/>
            <a:ahLst/>
            <a:cxnLst>
              <a:cxn ang="0">
                <a:pos x="46" y="446"/>
              </a:cxn>
              <a:cxn ang="0">
                <a:pos x="154" y="446"/>
              </a:cxn>
              <a:cxn ang="0">
                <a:pos x="254" y="439"/>
              </a:cxn>
              <a:cxn ang="0">
                <a:pos x="362" y="439"/>
              </a:cxn>
              <a:cxn ang="0">
                <a:pos x="461" y="431"/>
              </a:cxn>
              <a:cxn ang="0">
                <a:pos x="569" y="423"/>
              </a:cxn>
              <a:cxn ang="0">
                <a:pos x="669" y="408"/>
              </a:cxn>
              <a:cxn ang="0">
                <a:pos x="769" y="393"/>
              </a:cxn>
              <a:cxn ang="0">
                <a:pos x="877" y="377"/>
              </a:cxn>
              <a:cxn ang="0">
                <a:pos x="977" y="354"/>
              </a:cxn>
              <a:cxn ang="0">
                <a:pos x="1084" y="331"/>
              </a:cxn>
              <a:cxn ang="0">
                <a:pos x="1184" y="308"/>
              </a:cxn>
              <a:cxn ang="0">
                <a:pos x="1292" y="285"/>
              </a:cxn>
              <a:cxn ang="0">
                <a:pos x="1392" y="262"/>
              </a:cxn>
              <a:cxn ang="0">
                <a:pos x="1499" y="254"/>
              </a:cxn>
              <a:cxn ang="0">
                <a:pos x="1599" y="254"/>
              </a:cxn>
              <a:cxn ang="0">
                <a:pos x="1707" y="262"/>
              </a:cxn>
              <a:cxn ang="0">
                <a:pos x="1807" y="285"/>
              </a:cxn>
              <a:cxn ang="0">
                <a:pos x="1914" y="316"/>
              </a:cxn>
              <a:cxn ang="0">
                <a:pos x="2014" y="354"/>
              </a:cxn>
              <a:cxn ang="0">
                <a:pos x="2114" y="385"/>
              </a:cxn>
              <a:cxn ang="0">
                <a:pos x="2222" y="408"/>
              </a:cxn>
              <a:cxn ang="0">
                <a:pos x="2322" y="431"/>
              </a:cxn>
              <a:cxn ang="0">
                <a:pos x="2429" y="439"/>
              </a:cxn>
              <a:cxn ang="0">
                <a:pos x="2529" y="446"/>
              </a:cxn>
              <a:cxn ang="0">
                <a:pos x="2637" y="446"/>
              </a:cxn>
              <a:cxn ang="0">
                <a:pos x="2737" y="446"/>
              </a:cxn>
              <a:cxn ang="0">
                <a:pos x="2845" y="431"/>
              </a:cxn>
              <a:cxn ang="0">
                <a:pos x="2945" y="416"/>
              </a:cxn>
              <a:cxn ang="0">
                <a:pos x="3052" y="354"/>
              </a:cxn>
              <a:cxn ang="0">
                <a:pos x="3152" y="208"/>
              </a:cxn>
              <a:cxn ang="0">
                <a:pos x="3260" y="131"/>
              </a:cxn>
              <a:cxn ang="0">
                <a:pos x="3360" y="62"/>
              </a:cxn>
              <a:cxn ang="0">
                <a:pos x="3460" y="0"/>
              </a:cxn>
            </a:cxnLst>
            <a:rect l="0" t="0" r="r" b="b"/>
            <a:pathLst>
              <a:path w="3513" h="854">
                <a:moveTo>
                  <a:pt x="0" y="446"/>
                </a:moveTo>
                <a:lnTo>
                  <a:pt x="46" y="446"/>
                </a:lnTo>
                <a:lnTo>
                  <a:pt x="100" y="446"/>
                </a:lnTo>
                <a:lnTo>
                  <a:pt x="154" y="446"/>
                </a:lnTo>
                <a:lnTo>
                  <a:pt x="200" y="439"/>
                </a:lnTo>
                <a:lnTo>
                  <a:pt x="254" y="439"/>
                </a:lnTo>
                <a:lnTo>
                  <a:pt x="308" y="439"/>
                </a:lnTo>
                <a:lnTo>
                  <a:pt x="362" y="439"/>
                </a:lnTo>
                <a:lnTo>
                  <a:pt x="408" y="431"/>
                </a:lnTo>
                <a:lnTo>
                  <a:pt x="461" y="431"/>
                </a:lnTo>
                <a:lnTo>
                  <a:pt x="515" y="423"/>
                </a:lnTo>
                <a:lnTo>
                  <a:pt x="569" y="423"/>
                </a:lnTo>
                <a:lnTo>
                  <a:pt x="615" y="416"/>
                </a:lnTo>
                <a:lnTo>
                  <a:pt x="669" y="408"/>
                </a:lnTo>
                <a:lnTo>
                  <a:pt x="723" y="400"/>
                </a:lnTo>
                <a:lnTo>
                  <a:pt x="769" y="393"/>
                </a:lnTo>
                <a:lnTo>
                  <a:pt x="823" y="385"/>
                </a:lnTo>
                <a:lnTo>
                  <a:pt x="877" y="377"/>
                </a:lnTo>
                <a:lnTo>
                  <a:pt x="930" y="369"/>
                </a:lnTo>
                <a:lnTo>
                  <a:pt x="977" y="354"/>
                </a:lnTo>
                <a:lnTo>
                  <a:pt x="1030" y="346"/>
                </a:lnTo>
                <a:lnTo>
                  <a:pt x="1084" y="331"/>
                </a:lnTo>
                <a:lnTo>
                  <a:pt x="1138" y="316"/>
                </a:lnTo>
                <a:lnTo>
                  <a:pt x="1184" y="308"/>
                </a:lnTo>
                <a:lnTo>
                  <a:pt x="1238" y="293"/>
                </a:lnTo>
                <a:lnTo>
                  <a:pt x="1292" y="285"/>
                </a:lnTo>
                <a:lnTo>
                  <a:pt x="1338" y="277"/>
                </a:lnTo>
                <a:lnTo>
                  <a:pt x="1392" y="262"/>
                </a:lnTo>
                <a:lnTo>
                  <a:pt x="1445" y="254"/>
                </a:lnTo>
                <a:lnTo>
                  <a:pt x="1499" y="254"/>
                </a:lnTo>
                <a:lnTo>
                  <a:pt x="1545" y="254"/>
                </a:lnTo>
                <a:lnTo>
                  <a:pt x="1599" y="254"/>
                </a:lnTo>
                <a:lnTo>
                  <a:pt x="1653" y="254"/>
                </a:lnTo>
                <a:lnTo>
                  <a:pt x="1707" y="262"/>
                </a:lnTo>
                <a:lnTo>
                  <a:pt x="1753" y="277"/>
                </a:lnTo>
                <a:lnTo>
                  <a:pt x="1807" y="285"/>
                </a:lnTo>
                <a:lnTo>
                  <a:pt x="1861" y="300"/>
                </a:lnTo>
                <a:lnTo>
                  <a:pt x="1914" y="316"/>
                </a:lnTo>
                <a:lnTo>
                  <a:pt x="1961" y="331"/>
                </a:lnTo>
                <a:lnTo>
                  <a:pt x="2014" y="354"/>
                </a:lnTo>
                <a:lnTo>
                  <a:pt x="2068" y="369"/>
                </a:lnTo>
                <a:lnTo>
                  <a:pt x="2114" y="385"/>
                </a:lnTo>
                <a:lnTo>
                  <a:pt x="2168" y="393"/>
                </a:lnTo>
                <a:lnTo>
                  <a:pt x="2222" y="408"/>
                </a:lnTo>
                <a:lnTo>
                  <a:pt x="2276" y="416"/>
                </a:lnTo>
                <a:lnTo>
                  <a:pt x="2322" y="431"/>
                </a:lnTo>
                <a:lnTo>
                  <a:pt x="2376" y="439"/>
                </a:lnTo>
                <a:lnTo>
                  <a:pt x="2429" y="439"/>
                </a:lnTo>
                <a:lnTo>
                  <a:pt x="2483" y="446"/>
                </a:lnTo>
                <a:lnTo>
                  <a:pt x="2529" y="446"/>
                </a:lnTo>
                <a:lnTo>
                  <a:pt x="2583" y="446"/>
                </a:lnTo>
                <a:lnTo>
                  <a:pt x="2637" y="446"/>
                </a:lnTo>
                <a:lnTo>
                  <a:pt x="2683" y="446"/>
                </a:lnTo>
                <a:lnTo>
                  <a:pt x="2737" y="446"/>
                </a:lnTo>
                <a:lnTo>
                  <a:pt x="2791" y="439"/>
                </a:lnTo>
                <a:lnTo>
                  <a:pt x="2845" y="431"/>
                </a:lnTo>
                <a:lnTo>
                  <a:pt x="2891" y="423"/>
                </a:lnTo>
                <a:lnTo>
                  <a:pt x="2945" y="416"/>
                </a:lnTo>
                <a:lnTo>
                  <a:pt x="2998" y="400"/>
                </a:lnTo>
                <a:lnTo>
                  <a:pt x="3052" y="354"/>
                </a:lnTo>
                <a:lnTo>
                  <a:pt x="3098" y="277"/>
                </a:lnTo>
                <a:lnTo>
                  <a:pt x="3152" y="208"/>
                </a:lnTo>
                <a:lnTo>
                  <a:pt x="3206" y="162"/>
                </a:lnTo>
                <a:lnTo>
                  <a:pt x="3260" y="131"/>
                </a:lnTo>
                <a:lnTo>
                  <a:pt x="3306" y="93"/>
                </a:lnTo>
                <a:lnTo>
                  <a:pt x="3360" y="62"/>
                </a:lnTo>
                <a:lnTo>
                  <a:pt x="3413" y="24"/>
                </a:lnTo>
                <a:lnTo>
                  <a:pt x="3460" y="0"/>
                </a:lnTo>
                <a:lnTo>
                  <a:pt x="3513" y="854"/>
                </a:lnTo>
              </a:path>
            </a:pathLst>
          </a:cu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47" name="Freeform 842"/>
          <p:cNvSpPr>
            <a:spLocks/>
          </p:cNvSpPr>
          <p:nvPr/>
        </p:nvSpPr>
        <p:spPr bwMode="auto">
          <a:xfrm>
            <a:off x="2028825" y="2130426"/>
            <a:ext cx="1720850" cy="427038"/>
          </a:xfrm>
          <a:custGeom>
            <a:avLst/>
            <a:gdLst/>
            <a:ahLst/>
            <a:cxnLst>
              <a:cxn ang="0">
                <a:pos x="0" y="192"/>
              </a:cxn>
              <a:cxn ang="0">
                <a:pos x="46" y="192"/>
              </a:cxn>
              <a:cxn ang="0">
                <a:pos x="100" y="192"/>
              </a:cxn>
              <a:cxn ang="0">
                <a:pos x="154" y="192"/>
              </a:cxn>
              <a:cxn ang="0">
                <a:pos x="200" y="192"/>
              </a:cxn>
              <a:cxn ang="0">
                <a:pos x="254" y="192"/>
              </a:cxn>
              <a:cxn ang="0">
                <a:pos x="308" y="184"/>
              </a:cxn>
              <a:cxn ang="0">
                <a:pos x="362" y="184"/>
              </a:cxn>
              <a:cxn ang="0">
                <a:pos x="408" y="184"/>
              </a:cxn>
              <a:cxn ang="0">
                <a:pos x="461" y="184"/>
              </a:cxn>
              <a:cxn ang="0">
                <a:pos x="515" y="176"/>
              </a:cxn>
              <a:cxn ang="0">
                <a:pos x="569" y="176"/>
              </a:cxn>
              <a:cxn ang="0">
                <a:pos x="615" y="153"/>
              </a:cxn>
              <a:cxn ang="0">
                <a:pos x="669" y="92"/>
              </a:cxn>
              <a:cxn ang="0">
                <a:pos x="723" y="30"/>
              </a:cxn>
              <a:cxn ang="0">
                <a:pos x="769" y="15"/>
              </a:cxn>
              <a:cxn ang="0">
                <a:pos x="823" y="7"/>
              </a:cxn>
              <a:cxn ang="0">
                <a:pos x="877" y="0"/>
              </a:cxn>
              <a:cxn ang="0">
                <a:pos x="930" y="0"/>
              </a:cxn>
              <a:cxn ang="0">
                <a:pos x="977" y="7"/>
              </a:cxn>
              <a:cxn ang="0">
                <a:pos x="1030" y="23"/>
              </a:cxn>
              <a:cxn ang="0">
                <a:pos x="1084" y="269"/>
              </a:cxn>
            </a:cxnLst>
            <a:rect l="0" t="0" r="r" b="b"/>
            <a:pathLst>
              <a:path w="1084" h="269">
                <a:moveTo>
                  <a:pt x="0" y="192"/>
                </a:moveTo>
                <a:lnTo>
                  <a:pt x="46" y="192"/>
                </a:lnTo>
                <a:lnTo>
                  <a:pt x="100" y="192"/>
                </a:lnTo>
                <a:lnTo>
                  <a:pt x="154" y="192"/>
                </a:lnTo>
                <a:lnTo>
                  <a:pt x="200" y="192"/>
                </a:lnTo>
                <a:lnTo>
                  <a:pt x="254" y="192"/>
                </a:lnTo>
                <a:lnTo>
                  <a:pt x="308" y="184"/>
                </a:lnTo>
                <a:lnTo>
                  <a:pt x="362" y="184"/>
                </a:lnTo>
                <a:lnTo>
                  <a:pt x="408" y="184"/>
                </a:lnTo>
                <a:lnTo>
                  <a:pt x="461" y="184"/>
                </a:lnTo>
                <a:lnTo>
                  <a:pt x="515" y="176"/>
                </a:lnTo>
                <a:lnTo>
                  <a:pt x="569" y="176"/>
                </a:lnTo>
                <a:lnTo>
                  <a:pt x="615" y="153"/>
                </a:lnTo>
                <a:lnTo>
                  <a:pt x="669" y="92"/>
                </a:lnTo>
                <a:lnTo>
                  <a:pt x="723" y="30"/>
                </a:lnTo>
                <a:lnTo>
                  <a:pt x="769" y="15"/>
                </a:lnTo>
                <a:lnTo>
                  <a:pt x="823" y="7"/>
                </a:lnTo>
                <a:lnTo>
                  <a:pt x="877" y="0"/>
                </a:lnTo>
                <a:lnTo>
                  <a:pt x="930" y="0"/>
                </a:lnTo>
                <a:lnTo>
                  <a:pt x="977" y="7"/>
                </a:lnTo>
                <a:lnTo>
                  <a:pt x="1030" y="23"/>
                </a:lnTo>
                <a:lnTo>
                  <a:pt x="1084" y="269"/>
                </a:lnTo>
              </a:path>
            </a:pathLst>
          </a:cu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48" name="Freeform 843"/>
          <p:cNvSpPr>
            <a:spLocks/>
          </p:cNvSpPr>
          <p:nvPr/>
        </p:nvSpPr>
        <p:spPr bwMode="auto">
          <a:xfrm>
            <a:off x="2028825" y="2251076"/>
            <a:ext cx="1965325" cy="561975"/>
          </a:xfrm>
          <a:custGeom>
            <a:avLst/>
            <a:gdLst/>
            <a:ahLst/>
            <a:cxnLst>
              <a:cxn ang="0">
                <a:pos x="0" y="223"/>
              </a:cxn>
              <a:cxn ang="0">
                <a:pos x="46" y="223"/>
              </a:cxn>
              <a:cxn ang="0">
                <a:pos x="100" y="223"/>
              </a:cxn>
              <a:cxn ang="0">
                <a:pos x="154" y="223"/>
              </a:cxn>
              <a:cxn ang="0">
                <a:pos x="200" y="223"/>
              </a:cxn>
              <a:cxn ang="0">
                <a:pos x="254" y="216"/>
              </a:cxn>
              <a:cxn ang="0">
                <a:pos x="308" y="216"/>
              </a:cxn>
              <a:cxn ang="0">
                <a:pos x="362" y="216"/>
              </a:cxn>
              <a:cxn ang="0">
                <a:pos x="408" y="216"/>
              </a:cxn>
              <a:cxn ang="0">
                <a:pos x="461" y="216"/>
              </a:cxn>
              <a:cxn ang="0">
                <a:pos x="515" y="208"/>
              </a:cxn>
              <a:cxn ang="0">
                <a:pos x="569" y="208"/>
              </a:cxn>
              <a:cxn ang="0">
                <a:pos x="615" y="200"/>
              </a:cxn>
              <a:cxn ang="0">
                <a:pos x="669" y="200"/>
              </a:cxn>
              <a:cxn ang="0">
                <a:pos x="723" y="185"/>
              </a:cxn>
              <a:cxn ang="0">
                <a:pos x="769" y="162"/>
              </a:cxn>
              <a:cxn ang="0">
                <a:pos x="823" y="100"/>
              </a:cxn>
              <a:cxn ang="0">
                <a:pos x="877" y="39"/>
              </a:cxn>
              <a:cxn ang="0">
                <a:pos x="930" y="16"/>
              </a:cxn>
              <a:cxn ang="0">
                <a:pos x="977" y="8"/>
              </a:cxn>
              <a:cxn ang="0">
                <a:pos x="1030" y="0"/>
              </a:cxn>
              <a:cxn ang="0">
                <a:pos x="1084" y="0"/>
              </a:cxn>
              <a:cxn ang="0">
                <a:pos x="1138" y="8"/>
              </a:cxn>
              <a:cxn ang="0">
                <a:pos x="1184" y="31"/>
              </a:cxn>
              <a:cxn ang="0">
                <a:pos x="1238" y="354"/>
              </a:cxn>
            </a:cxnLst>
            <a:rect l="0" t="0" r="r" b="b"/>
            <a:pathLst>
              <a:path w="1238" h="354">
                <a:moveTo>
                  <a:pt x="0" y="223"/>
                </a:moveTo>
                <a:lnTo>
                  <a:pt x="46" y="223"/>
                </a:lnTo>
                <a:lnTo>
                  <a:pt x="100" y="223"/>
                </a:lnTo>
                <a:lnTo>
                  <a:pt x="154" y="223"/>
                </a:lnTo>
                <a:lnTo>
                  <a:pt x="200" y="223"/>
                </a:lnTo>
                <a:lnTo>
                  <a:pt x="254" y="216"/>
                </a:lnTo>
                <a:lnTo>
                  <a:pt x="308" y="216"/>
                </a:lnTo>
                <a:lnTo>
                  <a:pt x="362" y="216"/>
                </a:lnTo>
                <a:lnTo>
                  <a:pt x="408" y="216"/>
                </a:lnTo>
                <a:lnTo>
                  <a:pt x="461" y="216"/>
                </a:lnTo>
                <a:lnTo>
                  <a:pt x="515" y="208"/>
                </a:lnTo>
                <a:lnTo>
                  <a:pt x="569" y="208"/>
                </a:lnTo>
                <a:lnTo>
                  <a:pt x="615" y="200"/>
                </a:lnTo>
                <a:lnTo>
                  <a:pt x="669" y="200"/>
                </a:lnTo>
                <a:lnTo>
                  <a:pt x="723" y="185"/>
                </a:lnTo>
                <a:lnTo>
                  <a:pt x="769" y="162"/>
                </a:lnTo>
                <a:lnTo>
                  <a:pt x="823" y="100"/>
                </a:lnTo>
                <a:lnTo>
                  <a:pt x="877" y="39"/>
                </a:lnTo>
                <a:lnTo>
                  <a:pt x="930" y="16"/>
                </a:lnTo>
                <a:lnTo>
                  <a:pt x="977" y="8"/>
                </a:lnTo>
                <a:lnTo>
                  <a:pt x="1030" y="0"/>
                </a:lnTo>
                <a:lnTo>
                  <a:pt x="1084" y="0"/>
                </a:lnTo>
                <a:lnTo>
                  <a:pt x="1138" y="8"/>
                </a:lnTo>
                <a:lnTo>
                  <a:pt x="1184" y="31"/>
                </a:lnTo>
                <a:lnTo>
                  <a:pt x="1238" y="354"/>
                </a:lnTo>
              </a:path>
            </a:pathLst>
          </a:cu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49" name="Freeform 847"/>
          <p:cNvSpPr>
            <a:spLocks/>
          </p:cNvSpPr>
          <p:nvPr/>
        </p:nvSpPr>
        <p:spPr bwMode="auto">
          <a:xfrm>
            <a:off x="2028825" y="2679700"/>
            <a:ext cx="2624138" cy="450850"/>
          </a:xfrm>
          <a:custGeom>
            <a:avLst/>
            <a:gdLst/>
            <a:ahLst/>
            <a:cxnLst>
              <a:cxn ang="0">
                <a:pos x="0" y="284"/>
              </a:cxn>
              <a:cxn ang="0">
                <a:pos x="46" y="284"/>
              </a:cxn>
              <a:cxn ang="0">
                <a:pos x="100" y="284"/>
              </a:cxn>
              <a:cxn ang="0">
                <a:pos x="154" y="276"/>
              </a:cxn>
              <a:cxn ang="0">
                <a:pos x="200" y="276"/>
              </a:cxn>
              <a:cxn ang="0">
                <a:pos x="254" y="276"/>
              </a:cxn>
              <a:cxn ang="0">
                <a:pos x="308" y="276"/>
              </a:cxn>
              <a:cxn ang="0">
                <a:pos x="362" y="276"/>
              </a:cxn>
              <a:cxn ang="0">
                <a:pos x="408" y="276"/>
              </a:cxn>
              <a:cxn ang="0">
                <a:pos x="461" y="269"/>
              </a:cxn>
              <a:cxn ang="0">
                <a:pos x="515" y="269"/>
              </a:cxn>
              <a:cxn ang="0">
                <a:pos x="569" y="261"/>
              </a:cxn>
              <a:cxn ang="0">
                <a:pos x="615" y="261"/>
              </a:cxn>
              <a:cxn ang="0">
                <a:pos x="669" y="253"/>
              </a:cxn>
              <a:cxn ang="0">
                <a:pos x="723" y="246"/>
              </a:cxn>
              <a:cxn ang="0">
                <a:pos x="769" y="238"/>
              </a:cxn>
              <a:cxn ang="0">
                <a:pos x="823" y="230"/>
              </a:cxn>
              <a:cxn ang="0">
                <a:pos x="877" y="222"/>
              </a:cxn>
              <a:cxn ang="0">
                <a:pos x="930" y="215"/>
              </a:cxn>
              <a:cxn ang="0">
                <a:pos x="977" y="207"/>
              </a:cxn>
              <a:cxn ang="0">
                <a:pos x="1030" y="199"/>
              </a:cxn>
              <a:cxn ang="0">
                <a:pos x="1084" y="184"/>
              </a:cxn>
              <a:cxn ang="0">
                <a:pos x="1138" y="176"/>
              </a:cxn>
              <a:cxn ang="0">
                <a:pos x="1184" y="161"/>
              </a:cxn>
              <a:cxn ang="0">
                <a:pos x="1238" y="123"/>
              </a:cxn>
              <a:cxn ang="0">
                <a:pos x="1292" y="53"/>
              </a:cxn>
              <a:cxn ang="0">
                <a:pos x="1338" y="7"/>
              </a:cxn>
              <a:cxn ang="0">
                <a:pos x="1392" y="0"/>
              </a:cxn>
              <a:cxn ang="0">
                <a:pos x="1445" y="7"/>
              </a:cxn>
              <a:cxn ang="0">
                <a:pos x="1499" y="23"/>
              </a:cxn>
              <a:cxn ang="0">
                <a:pos x="1545" y="53"/>
              </a:cxn>
              <a:cxn ang="0">
                <a:pos x="1599" y="115"/>
              </a:cxn>
              <a:cxn ang="0">
                <a:pos x="1653" y="238"/>
              </a:cxn>
            </a:cxnLst>
            <a:rect l="0" t="0" r="r" b="b"/>
            <a:pathLst>
              <a:path w="1653" h="284">
                <a:moveTo>
                  <a:pt x="0" y="284"/>
                </a:moveTo>
                <a:lnTo>
                  <a:pt x="46" y="284"/>
                </a:lnTo>
                <a:lnTo>
                  <a:pt x="100" y="284"/>
                </a:lnTo>
                <a:lnTo>
                  <a:pt x="154" y="276"/>
                </a:lnTo>
                <a:lnTo>
                  <a:pt x="200" y="276"/>
                </a:lnTo>
                <a:lnTo>
                  <a:pt x="254" y="276"/>
                </a:lnTo>
                <a:lnTo>
                  <a:pt x="308" y="276"/>
                </a:lnTo>
                <a:lnTo>
                  <a:pt x="362" y="276"/>
                </a:lnTo>
                <a:lnTo>
                  <a:pt x="408" y="276"/>
                </a:lnTo>
                <a:lnTo>
                  <a:pt x="461" y="269"/>
                </a:lnTo>
                <a:lnTo>
                  <a:pt x="515" y="269"/>
                </a:lnTo>
                <a:lnTo>
                  <a:pt x="569" y="261"/>
                </a:lnTo>
                <a:lnTo>
                  <a:pt x="615" y="261"/>
                </a:lnTo>
                <a:lnTo>
                  <a:pt x="669" y="253"/>
                </a:lnTo>
                <a:lnTo>
                  <a:pt x="723" y="246"/>
                </a:lnTo>
                <a:lnTo>
                  <a:pt x="769" y="238"/>
                </a:lnTo>
                <a:lnTo>
                  <a:pt x="823" y="230"/>
                </a:lnTo>
                <a:lnTo>
                  <a:pt x="877" y="222"/>
                </a:lnTo>
                <a:lnTo>
                  <a:pt x="930" y="215"/>
                </a:lnTo>
                <a:lnTo>
                  <a:pt x="977" y="207"/>
                </a:lnTo>
                <a:lnTo>
                  <a:pt x="1030" y="199"/>
                </a:lnTo>
                <a:lnTo>
                  <a:pt x="1084" y="184"/>
                </a:lnTo>
                <a:lnTo>
                  <a:pt x="1138" y="176"/>
                </a:lnTo>
                <a:lnTo>
                  <a:pt x="1184" y="161"/>
                </a:lnTo>
                <a:lnTo>
                  <a:pt x="1238" y="123"/>
                </a:lnTo>
                <a:lnTo>
                  <a:pt x="1292" y="53"/>
                </a:lnTo>
                <a:lnTo>
                  <a:pt x="1338" y="7"/>
                </a:lnTo>
                <a:lnTo>
                  <a:pt x="1392" y="0"/>
                </a:lnTo>
                <a:lnTo>
                  <a:pt x="1445" y="7"/>
                </a:lnTo>
                <a:lnTo>
                  <a:pt x="1499" y="23"/>
                </a:lnTo>
                <a:lnTo>
                  <a:pt x="1545" y="53"/>
                </a:lnTo>
                <a:lnTo>
                  <a:pt x="1599" y="115"/>
                </a:lnTo>
                <a:lnTo>
                  <a:pt x="1653" y="238"/>
                </a:lnTo>
              </a:path>
            </a:pathLst>
          </a:cu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50" name="Freeform 848"/>
          <p:cNvSpPr>
            <a:spLocks/>
          </p:cNvSpPr>
          <p:nvPr/>
        </p:nvSpPr>
        <p:spPr bwMode="auto">
          <a:xfrm>
            <a:off x="2028825" y="2849563"/>
            <a:ext cx="2868613" cy="536575"/>
          </a:xfrm>
          <a:custGeom>
            <a:avLst/>
            <a:gdLst/>
            <a:ahLst/>
            <a:cxnLst>
              <a:cxn ang="0">
                <a:pos x="0" y="285"/>
              </a:cxn>
              <a:cxn ang="0">
                <a:pos x="46" y="285"/>
              </a:cxn>
              <a:cxn ang="0">
                <a:pos x="100" y="285"/>
              </a:cxn>
              <a:cxn ang="0">
                <a:pos x="154" y="285"/>
              </a:cxn>
              <a:cxn ang="0">
                <a:pos x="200" y="285"/>
              </a:cxn>
              <a:cxn ang="0">
                <a:pos x="254" y="285"/>
              </a:cxn>
              <a:cxn ang="0">
                <a:pos x="308" y="285"/>
              </a:cxn>
              <a:cxn ang="0">
                <a:pos x="362" y="277"/>
              </a:cxn>
              <a:cxn ang="0">
                <a:pos x="408" y="277"/>
              </a:cxn>
              <a:cxn ang="0">
                <a:pos x="461" y="277"/>
              </a:cxn>
              <a:cxn ang="0">
                <a:pos x="515" y="269"/>
              </a:cxn>
              <a:cxn ang="0">
                <a:pos x="569" y="269"/>
              </a:cxn>
              <a:cxn ang="0">
                <a:pos x="615" y="262"/>
              </a:cxn>
              <a:cxn ang="0">
                <a:pos x="669" y="254"/>
              </a:cxn>
              <a:cxn ang="0">
                <a:pos x="723" y="254"/>
              </a:cxn>
              <a:cxn ang="0">
                <a:pos x="769" y="246"/>
              </a:cxn>
              <a:cxn ang="0">
                <a:pos x="823" y="238"/>
              </a:cxn>
              <a:cxn ang="0">
                <a:pos x="877" y="231"/>
              </a:cxn>
              <a:cxn ang="0">
                <a:pos x="930" y="215"/>
              </a:cxn>
              <a:cxn ang="0">
                <a:pos x="977" y="208"/>
              </a:cxn>
              <a:cxn ang="0">
                <a:pos x="1030" y="200"/>
              </a:cxn>
              <a:cxn ang="0">
                <a:pos x="1084" y="185"/>
              </a:cxn>
              <a:cxn ang="0">
                <a:pos x="1138" y="177"/>
              </a:cxn>
              <a:cxn ang="0">
                <a:pos x="1184" y="169"/>
              </a:cxn>
              <a:cxn ang="0">
                <a:pos x="1238" y="162"/>
              </a:cxn>
              <a:cxn ang="0">
                <a:pos x="1292" y="146"/>
              </a:cxn>
              <a:cxn ang="0">
                <a:pos x="1338" y="139"/>
              </a:cxn>
              <a:cxn ang="0">
                <a:pos x="1392" y="100"/>
              </a:cxn>
              <a:cxn ang="0">
                <a:pos x="1445" y="39"/>
              </a:cxn>
              <a:cxn ang="0">
                <a:pos x="1499" y="0"/>
              </a:cxn>
              <a:cxn ang="0">
                <a:pos x="1545" y="8"/>
              </a:cxn>
              <a:cxn ang="0">
                <a:pos x="1599" y="31"/>
              </a:cxn>
              <a:cxn ang="0">
                <a:pos x="1653" y="62"/>
              </a:cxn>
              <a:cxn ang="0">
                <a:pos x="1707" y="115"/>
              </a:cxn>
              <a:cxn ang="0">
                <a:pos x="1753" y="192"/>
              </a:cxn>
              <a:cxn ang="0">
                <a:pos x="1807" y="338"/>
              </a:cxn>
            </a:cxnLst>
            <a:rect l="0" t="0" r="r" b="b"/>
            <a:pathLst>
              <a:path w="1807" h="338">
                <a:moveTo>
                  <a:pt x="0" y="285"/>
                </a:moveTo>
                <a:lnTo>
                  <a:pt x="46" y="285"/>
                </a:lnTo>
                <a:lnTo>
                  <a:pt x="100" y="285"/>
                </a:lnTo>
                <a:lnTo>
                  <a:pt x="154" y="285"/>
                </a:lnTo>
                <a:lnTo>
                  <a:pt x="200" y="285"/>
                </a:lnTo>
                <a:lnTo>
                  <a:pt x="254" y="285"/>
                </a:lnTo>
                <a:lnTo>
                  <a:pt x="308" y="285"/>
                </a:lnTo>
                <a:lnTo>
                  <a:pt x="362" y="277"/>
                </a:lnTo>
                <a:lnTo>
                  <a:pt x="408" y="277"/>
                </a:lnTo>
                <a:lnTo>
                  <a:pt x="461" y="277"/>
                </a:lnTo>
                <a:lnTo>
                  <a:pt x="515" y="269"/>
                </a:lnTo>
                <a:lnTo>
                  <a:pt x="569" y="269"/>
                </a:lnTo>
                <a:lnTo>
                  <a:pt x="615" y="262"/>
                </a:lnTo>
                <a:lnTo>
                  <a:pt x="669" y="254"/>
                </a:lnTo>
                <a:lnTo>
                  <a:pt x="723" y="254"/>
                </a:lnTo>
                <a:lnTo>
                  <a:pt x="769" y="246"/>
                </a:lnTo>
                <a:lnTo>
                  <a:pt x="823" y="238"/>
                </a:lnTo>
                <a:lnTo>
                  <a:pt x="877" y="231"/>
                </a:lnTo>
                <a:lnTo>
                  <a:pt x="930" y="215"/>
                </a:lnTo>
                <a:lnTo>
                  <a:pt x="977" y="208"/>
                </a:lnTo>
                <a:lnTo>
                  <a:pt x="1030" y="200"/>
                </a:lnTo>
                <a:lnTo>
                  <a:pt x="1084" y="185"/>
                </a:lnTo>
                <a:lnTo>
                  <a:pt x="1138" y="177"/>
                </a:lnTo>
                <a:lnTo>
                  <a:pt x="1184" y="169"/>
                </a:lnTo>
                <a:lnTo>
                  <a:pt x="1238" y="162"/>
                </a:lnTo>
                <a:lnTo>
                  <a:pt x="1292" y="146"/>
                </a:lnTo>
                <a:lnTo>
                  <a:pt x="1338" y="139"/>
                </a:lnTo>
                <a:lnTo>
                  <a:pt x="1392" y="100"/>
                </a:lnTo>
                <a:lnTo>
                  <a:pt x="1445" y="39"/>
                </a:lnTo>
                <a:lnTo>
                  <a:pt x="1499" y="0"/>
                </a:lnTo>
                <a:lnTo>
                  <a:pt x="1545" y="8"/>
                </a:lnTo>
                <a:lnTo>
                  <a:pt x="1599" y="31"/>
                </a:lnTo>
                <a:lnTo>
                  <a:pt x="1653" y="62"/>
                </a:lnTo>
                <a:lnTo>
                  <a:pt x="1707" y="115"/>
                </a:lnTo>
                <a:lnTo>
                  <a:pt x="1753" y="192"/>
                </a:lnTo>
                <a:lnTo>
                  <a:pt x="1807" y="338"/>
                </a:lnTo>
              </a:path>
            </a:pathLst>
          </a:cu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51" name="Freeform 849"/>
          <p:cNvSpPr>
            <a:spLocks/>
          </p:cNvSpPr>
          <p:nvPr/>
        </p:nvSpPr>
        <p:spPr bwMode="auto">
          <a:xfrm>
            <a:off x="2028825" y="3057525"/>
            <a:ext cx="3113088" cy="635000"/>
          </a:xfrm>
          <a:custGeom>
            <a:avLst/>
            <a:gdLst/>
            <a:ahLst/>
            <a:cxnLst>
              <a:cxn ang="0">
                <a:pos x="0" y="269"/>
              </a:cxn>
              <a:cxn ang="0">
                <a:pos x="46" y="269"/>
              </a:cxn>
              <a:cxn ang="0">
                <a:pos x="100" y="269"/>
              </a:cxn>
              <a:cxn ang="0">
                <a:pos x="154" y="269"/>
              </a:cxn>
              <a:cxn ang="0">
                <a:pos x="200" y="269"/>
              </a:cxn>
              <a:cxn ang="0">
                <a:pos x="254" y="261"/>
              </a:cxn>
              <a:cxn ang="0">
                <a:pos x="308" y="261"/>
              </a:cxn>
              <a:cxn ang="0">
                <a:pos x="362" y="261"/>
              </a:cxn>
              <a:cxn ang="0">
                <a:pos x="408" y="261"/>
              </a:cxn>
              <a:cxn ang="0">
                <a:pos x="461" y="254"/>
              </a:cxn>
              <a:cxn ang="0">
                <a:pos x="515" y="254"/>
              </a:cxn>
              <a:cxn ang="0">
                <a:pos x="569" y="246"/>
              </a:cxn>
              <a:cxn ang="0">
                <a:pos x="615" y="246"/>
              </a:cxn>
              <a:cxn ang="0">
                <a:pos x="669" y="238"/>
              </a:cxn>
              <a:cxn ang="0">
                <a:pos x="723" y="230"/>
              </a:cxn>
              <a:cxn ang="0">
                <a:pos x="769" y="223"/>
              </a:cxn>
              <a:cxn ang="0">
                <a:pos x="823" y="215"/>
              </a:cxn>
              <a:cxn ang="0">
                <a:pos x="877" y="207"/>
              </a:cxn>
              <a:cxn ang="0">
                <a:pos x="930" y="200"/>
              </a:cxn>
              <a:cxn ang="0">
                <a:pos x="977" y="184"/>
              </a:cxn>
              <a:cxn ang="0">
                <a:pos x="1030" y="177"/>
              </a:cxn>
              <a:cxn ang="0">
                <a:pos x="1084" y="169"/>
              </a:cxn>
              <a:cxn ang="0">
                <a:pos x="1138" y="154"/>
              </a:cxn>
              <a:cxn ang="0">
                <a:pos x="1184" y="146"/>
              </a:cxn>
              <a:cxn ang="0">
                <a:pos x="1238" y="138"/>
              </a:cxn>
              <a:cxn ang="0">
                <a:pos x="1292" y="131"/>
              </a:cxn>
              <a:cxn ang="0">
                <a:pos x="1338" y="123"/>
              </a:cxn>
              <a:cxn ang="0">
                <a:pos x="1392" y="115"/>
              </a:cxn>
              <a:cxn ang="0">
                <a:pos x="1445" y="107"/>
              </a:cxn>
              <a:cxn ang="0">
                <a:pos x="1499" y="100"/>
              </a:cxn>
              <a:cxn ang="0">
                <a:pos x="1545" y="69"/>
              </a:cxn>
              <a:cxn ang="0">
                <a:pos x="1599" y="15"/>
              </a:cxn>
              <a:cxn ang="0">
                <a:pos x="1653" y="0"/>
              </a:cxn>
              <a:cxn ang="0">
                <a:pos x="1707" y="15"/>
              </a:cxn>
              <a:cxn ang="0">
                <a:pos x="1753" y="54"/>
              </a:cxn>
              <a:cxn ang="0">
                <a:pos x="1807" y="100"/>
              </a:cxn>
              <a:cxn ang="0">
                <a:pos x="1861" y="154"/>
              </a:cxn>
              <a:cxn ang="0">
                <a:pos x="1914" y="238"/>
              </a:cxn>
              <a:cxn ang="0">
                <a:pos x="1961" y="400"/>
              </a:cxn>
            </a:cxnLst>
            <a:rect l="0" t="0" r="r" b="b"/>
            <a:pathLst>
              <a:path w="1961" h="400">
                <a:moveTo>
                  <a:pt x="0" y="269"/>
                </a:moveTo>
                <a:lnTo>
                  <a:pt x="46" y="269"/>
                </a:lnTo>
                <a:lnTo>
                  <a:pt x="100" y="269"/>
                </a:lnTo>
                <a:lnTo>
                  <a:pt x="154" y="269"/>
                </a:lnTo>
                <a:lnTo>
                  <a:pt x="200" y="269"/>
                </a:lnTo>
                <a:lnTo>
                  <a:pt x="254" y="261"/>
                </a:lnTo>
                <a:lnTo>
                  <a:pt x="308" y="261"/>
                </a:lnTo>
                <a:lnTo>
                  <a:pt x="362" y="261"/>
                </a:lnTo>
                <a:lnTo>
                  <a:pt x="408" y="261"/>
                </a:lnTo>
                <a:lnTo>
                  <a:pt x="461" y="254"/>
                </a:lnTo>
                <a:lnTo>
                  <a:pt x="515" y="254"/>
                </a:lnTo>
                <a:lnTo>
                  <a:pt x="569" y="246"/>
                </a:lnTo>
                <a:lnTo>
                  <a:pt x="615" y="246"/>
                </a:lnTo>
                <a:lnTo>
                  <a:pt x="669" y="238"/>
                </a:lnTo>
                <a:lnTo>
                  <a:pt x="723" y="230"/>
                </a:lnTo>
                <a:lnTo>
                  <a:pt x="769" y="223"/>
                </a:lnTo>
                <a:lnTo>
                  <a:pt x="823" y="215"/>
                </a:lnTo>
                <a:lnTo>
                  <a:pt x="877" y="207"/>
                </a:lnTo>
                <a:lnTo>
                  <a:pt x="930" y="200"/>
                </a:lnTo>
                <a:lnTo>
                  <a:pt x="977" y="184"/>
                </a:lnTo>
                <a:lnTo>
                  <a:pt x="1030" y="177"/>
                </a:lnTo>
                <a:lnTo>
                  <a:pt x="1084" y="169"/>
                </a:lnTo>
                <a:lnTo>
                  <a:pt x="1138" y="154"/>
                </a:lnTo>
                <a:lnTo>
                  <a:pt x="1184" y="146"/>
                </a:lnTo>
                <a:lnTo>
                  <a:pt x="1238" y="138"/>
                </a:lnTo>
                <a:lnTo>
                  <a:pt x="1292" y="131"/>
                </a:lnTo>
                <a:lnTo>
                  <a:pt x="1338" y="123"/>
                </a:lnTo>
                <a:lnTo>
                  <a:pt x="1392" y="115"/>
                </a:lnTo>
                <a:lnTo>
                  <a:pt x="1445" y="107"/>
                </a:lnTo>
                <a:lnTo>
                  <a:pt x="1499" y="100"/>
                </a:lnTo>
                <a:lnTo>
                  <a:pt x="1545" y="69"/>
                </a:lnTo>
                <a:lnTo>
                  <a:pt x="1599" y="15"/>
                </a:lnTo>
                <a:lnTo>
                  <a:pt x="1653" y="0"/>
                </a:lnTo>
                <a:lnTo>
                  <a:pt x="1707" y="15"/>
                </a:lnTo>
                <a:lnTo>
                  <a:pt x="1753" y="54"/>
                </a:lnTo>
                <a:lnTo>
                  <a:pt x="1807" y="100"/>
                </a:lnTo>
                <a:lnTo>
                  <a:pt x="1861" y="154"/>
                </a:lnTo>
                <a:lnTo>
                  <a:pt x="1914" y="238"/>
                </a:lnTo>
                <a:lnTo>
                  <a:pt x="1961" y="400"/>
                </a:lnTo>
              </a:path>
            </a:pathLst>
          </a:cu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52" name="Freeform 850"/>
          <p:cNvSpPr>
            <a:spLocks/>
          </p:cNvSpPr>
          <p:nvPr/>
        </p:nvSpPr>
        <p:spPr bwMode="auto">
          <a:xfrm>
            <a:off x="2028825" y="3289300"/>
            <a:ext cx="3355975" cy="646113"/>
          </a:xfrm>
          <a:custGeom>
            <a:avLst/>
            <a:gdLst/>
            <a:ahLst/>
            <a:cxnLst>
              <a:cxn ang="0">
                <a:pos x="0" y="238"/>
              </a:cxn>
              <a:cxn ang="0">
                <a:pos x="46" y="238"/>
              </a:cxn>
              <a:cxn ang="0">
                <a:pos x="100" y="238"/>
              </a:cxn>
              <a:cxn ang="0">
                <a:pos x="154" y="231"/>
              </a:cxn>
              <a:cxn ang="0">
                <a:pos x="200" y="231"/>
              </a:cxn>
              <a:cxn ang="0">
                <a:pos x="254" y="231"/>
              </a:cxn>
              <a:cxn ang="0">
                <a:pos x="308" y="231"/>
              </a:cxn>
              <a:cxn ang="0">
                <a:pos x="362" y="231"/>
              </a:cxn>
              <a:cxn ang="0">
                <a:pos x="408" y="223"/>
              </a:cxn>
              <a:cxn ang="0">
                <a:pos x="461" y="223"/>
              </a:cxn>
              <a:cxn ang="0">
                <a:pos x="515" y="215"/>
              </a:cxn>
              <a:cxn ang="0">
                <a:pos x="569" y="215"/>
              </a:cxn>
              <a:cxn ang="0">
                <a:pos x="615" y="207"/>
              </a:cxn>
              <a:cxn ang="0">
                <a:pos x="669" y="200"/>
              </a:cxn>
              <a:cxn ang="0">
                <a:pos x="723" y="200"/>
              </a:cxn>
              <a:cxn ang="0">
                <a:pos x="769" y="192"/>
              </a:cxn>
              <a:cxn ang="0">
                <a:pos x="823" y="184"/>
              </a:cxn>
              <a:cxn ang="0">
                <a:pos x="877" y="169"/>
              </a:cxn>
              <a:cxn ang="0">
                <a:pos x="930" y="161"/>
              </a:cxn>
              <a:cxn ang="0">
                <a:pos x="977" y="154"/>
              </a:cxn>
              <a:cxn ang="0">
                <a:pos x="1030" y="146"/>
              </a:cxn>
              <a:cxn ang="0">
                <a:pos x="1084" y="131"/>
              </a:cxn>
              <a:cxn ang="0">
                <a:pos x="1138" y="123"/>
              </a:cxn>
              <a:cxn ang="0">
                <a:pos x="1184" y="108"/>
              </a:cxn>
              <a:cxn ang="0">
                <a:pos x="1238" y="100"/>
              </a:cxn>
              <a:cxn ang="0">
                <a:pos x="1292" y="92"/>
              </a:cxn>
              <a:cxn ang="0">
                <a:pos x="1338" y="84"/>
              </a:cxn>
              <a:cxn ang="0">
                <a:pos x="1392" y="77"/>
              </a:cxn>
              <a:cxn ang="0">
                <a:pos x="1445" y="69"/>
              </a:cxn>
              <a:cxn ang="0">
                <a:pos x="1499" y="69"/>
              </a:cxn>
              <a:cxn ang="0">
                <a:pos x="1545" y="69"/>
              </a:cxn>
              <a:cxn ang="0">
                <a:pos x="1599" y="77"/>
              </a:cxn>
              <a:cxn ang="0">
                <a:pos x="1653" y="77"/>
              </a:cxn>
              <a:cxn ang="0">
                <a:pos x="1707" y="46"/>
              </a:cxn>
              <a:cxn ang="0">
                <a:pos x="1753" y="8"/>
              </a:cxn>
              <a:cxn ang="0">
                <a:pos x="1807" y="0"/>
              </a:cxn>
              <a:cxn ang="0">
                <a:pos x="1861" y="31"/>
              </a:cxn>
              <a:cxn ang="0">
                <a:pos x="1914" y="69"/>
              </a:cxn>
              <a:cxn ang="0">
                <a:pos x="1961" y="115"/>
              </a:cxn>
              <a:cxn ang="0">
                <a:pos x="2014" y="169"/>
              </a:cxn>
              <a:cxn ang="0">
                <a:pos x="2068" y="246"/>
              </a:cxn>
              <a:cxn ang="0">
                <a:pos x="2114" y="407"/>
              </a:cxn>
            </a:cxnLst>
            <a:rect l="0" t="0" r="r" b="b"/>
            <a:pathLst>
              <a:path w="2114" h="407">
                <a:moveTo>
                  <a:pt x="0" y="238"/>
                </a:moveTo>
                <a:lnTo>
                  <a:pt x="46" y="238"/>
                </a:lnTo>
                <a:lnTo>
                  <a:pt x="100" y="238"/>
                </a:lnTo>
                <a:lnTo>
                  <a:pt x="154" y="231"/>
                </a:lnTo>
                <a:lnTo>
                  <a:pt x="200" y="231"/>
                </a:lnTo>
                <a:lnTo>
                  <a:pt x="254" y="231"/>
                </a:lnTo>
                <a:lnTo>
                  <a:pt x="308" y="231"/>
                </a:lnTo>
                <a:lnTo>
                  <a:pt x="362" y="231"/>
                </a:lnTo>
                <a:lnTo>
                  <a:pt x="408" y="223"/>
                </a:lnTo>
                <a:lnTo>
                  <a:pt x="461" y="223"/>
                </a:lnTo>
                <a:lnTo>
                  <a:pt x="515" y="215"/>
                </a:lnTo>
                <a:lnTo>
                  <a:pt x="569" y="215"/>
                </a:lnTo>
                <a:lnTo>
                  <a:pt x="615" y="207"/>
                </a:lnTo>
                <a:lnTo>
                  <a:pt x="669" y="200"/>
                </a:lnTo>
                <a:lnTo>
                  <a:pt x="723" y="200"/>
                </a:lnTo>
                <a:lnTo>
                  <a:pt x="769" y="192"/>
                </a:lnTo>
                <a:lnTo>
                  <a:pt x="823" y="184"/>
                </a:lnTo>
                <a:lnTo>
                  <a:pt x="877" y="169"/>
                </a:lnTo>
                <a:lnTo>
                  <a:pt x="930" y="161"/>
                </a:lnTo>
                <a:lnTo>
                  <a:pt x="977" y="154"/>
                </a:lnTo>
                <a:lnTo>
                  <a:pt x="1030" y="146"/>
                </a:lnTo>
                <a:lnTo>
                  <a:pt x="1084" y="131"/>
                </a:lnTo>
                <a:lnTo>
                  <a:pt x="1138" y="123"/>
                </a:lnTo>
                <a:lnTo>
                  <a:pt x="1184" y="108"/>
                </a:lnTo>
                <a:lnTo>
                  <a:pt x="1238" y="100"/>
                </a:lnTo>
                <a:lnTo>
                  <a:pt x="1292" y="92"/>
                </a:lnTo>
                <a:lnTo>
                  <a:pt x="1338" y="84"/>
                </a:lnTo>
                <a:lnTo>
                  <a:pt x="1392" y="77"/>
                </a:lnTo>
                <a:lnTo>
                  <a:pt x="1445" y="69"/>
                </a:lnTo>
                <a:lnTo>
                  <a:pt x="1499" y="69"/>
                </a:lnTo>
                <a:lnTo>
                  <a:pt x="1545" y="69"/>
                </a:lnTo>
                <a:lnTo>
                  <a:pt x="1599" y="77"/>
                </a:lnTo>
                <a:lnTo>
                  <a:pt x="1653" y="77"/>
                </a:lnTo>
                <a:lnTo>
                  <a:pt x="1707" y="46"/>
                </a:lnTo>
                <a:lnTo>
                  <a:pt x="1753" y="8"/>
                </a:lnTo>
                <a:lnTo>
                  <a:pt x="1807" y="0"/>
                </a:lnTo>
                <a:lnTo>
                  <a:pt x="1861" y="31"/>
                </a:lnTo>
                <a:lnTo>
                  <a:pt x="1914" y="69"/>
                </a:lnTo>
                <a:lnTo>
                  <a:pt x="1961" y="115"/>
                </a:lnTo>
                <a:lnTo>
                  <a:pt x="2014" y="169"/>
                </a:lnTo>
                <a:lnTo>
                  <a:pt x="2068" y="246"/>
                </a:lnTo>
                <a:lnTo>
                  <a:pt x="2114" y="407"/>
                </a:lnTo>
              </a:path>
            </a:pathLst>
          </a:cu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53" name="Freeform 851"/>
          <p:cNvSpPr>
            <a:spLocks/>
          </p:cNvSpPr>
          <p:nvPr/>
        </p:nvSpPr>
        <p:spPr bwMode="auto">
          <a:xfrm>
            <a:off x="2028825" y="3544888"/>
            <a:ext cx="3613150" cy="598488"/>
          </a:xfrm>
          <a:custGeom>
            <a:avLst/>
            <a:gdLst/>
            <a:ahLst/>
            <a:cxnLst>
              <a:cxn ang="0">
                <a:pos x="0" y="193"/>
              </a:cxn>
              <a:cxn ang="0">
                <a:pos x="46" y="185"/>
              </a:cxn>
              <a:cxn ang="0">
                <a:pos x="100" y="185"/>
              </a:cxn>
              <a:cxn ang="0">
                <a:pos x="154" y="185"/>
              </a:cxn>
              <a:cxn ang="0">
                <a:pos x="200" y="185"/>
              </a:cxn>
              <a:cxn ang="0">
                <a:pos x="254" y="185"/>
              </a:cxn>
              <a:cxn ang="0">
                <a:pos x="308" y="185"/>
              </a:cxn>
              <a:cxn ang="0">
                <a:pos x="362" y="177"/>
              </a:cxn>
              <a:cxn ang="0">
                <a:pos x="408" y="177"/>
              </a:cxn>
              <a:cxn ang="0">
                <a:pos x="461" y="177"/>
              </a:cxn>
              <a:cxn ang="0">
                <a:pos x="515" y="169"/>
              </a:cxn>
              <a:cxn ang="0">
                <a:pos x="569" y="169"/>
              </a:cxn>
              <a:cxn ang="0">
                <a:pos x="615" y="162"/>
              </a:cxn>
              <a:cxn ang="0">
                <a:pos x="669" y="154"/>
              </a:cxn>
              <a:cxn ang="0">
                <a:pos x="723" y="146"/>
              </a:cxn>
              <a:cxn ang="0">
                <a:pos x="769" y="139"/>
              </a:cxn>
              <a:cxn ang="0">
                <a:pos x="823" y="131"/>
              </a:cxn>
              <a:cxn ang="0">
                <a:pos x="877" y="123"/>
              </a:cxn>
              <a:cxn ang="0">
                <a:pos x="930" y="116"/>
              </a:cxn>
              <a:cxn ang="0">
                <a:pos x="977" y="108"/>
              </a:cxn>
              <a:cxn ang="0">
                <a:pos x="1030" y="93"/>
              </a:cxn>
              <a:cxn ang="0">
                <a:pos x="1084" y="85"/>
              </a:cxn>
              <a:cxn ang="0">
                <a:pos x="1138" y="70"/>
              </a:cxn>
              <a:cxn ang="0">
                <a:pos x="1184" y="62"/>
              </a:cxn>
              <a:cxn ang="0">
                <a:pos x="1238" y="46"/>
              </a:cxn>
              <a:cxn ang="0">
                <a:pos x="1292" y="39"/>
              </a:cxn>
              <a:cxn ang="0">
                <a:pos x="1338" y="31"/>
              </a:cxn>
              <a:cxn ang="0">
                <a:pos x="1392" y="23"/>
              </a:cxn>
              <a:cxn ang="0">
                <a:pos x="1445" y="23"/>
              </a:cxn>
              <a:cxn ang="0">
                <a:pos x="1499" y="16"/>
              </a:cxn>
              <a:cxn ang="0">
                <a:pos x="1545" y="16"/>
              </a:cxn>
              <a:cxn ang="0">
                <a:pos x="1599" y="23"/>
              </a:cxn>
              <a:cxn ang="0">
                <a:pos x="1653" y="31"/>
              </a:cxn>
              <a:cxn ang="0">
                <a:pos x="1707" y="39"/>
              </a:cxn>
              <a:cxn ang="0">
                <a:pos x="1753" y="54"/>
              </a:cxn>
              <a:cxn ang="0">
                <a:pos x="1807" y="54"/>
              </a:cxn>
              <a:cxn ang="0">
                <a:pos x="1861" y="39"/>
              </a:cxn>
              <a:cxn ang="0">
                <a:pos x="1914" y="0"/>
              </a:cxn>
              <a:cxn ang="0">
                <a:pos x="1961" y="0"/>
              </a:cxn>
              <a:cxn ang="0">
                <a:pos x="2014" y="23"/>
              </a:cxn>
              <a:cxn ang="0">
                <a:pos x="2068" y="62"/>
              </a:cxn>
              <a:cxn ang="0">
                <a:pos x="2114" y="108"/>
              </a:cxn>
              <a:cxn ang="0">
                <a:pos x="2168" y="154"/>
              </a:cxn>
              <a:cxn ang="0">
                <a:pos x="2222" y="223"/>
              </a:cxn>
              <a:cxn ang="0">
                <a:pos x="2276" y="377"/>
              </a:cxn>
            </a:cxnLst>
            <a:rect l="0" t="0" r="r" b="b"/>
            <a:pathLst>
              <a:path w="2276" h="377">
                <a:moveTo>
                  <a:pt x="0" y="193"/>
                </a:moveTo>
                <a:lnTo>
                  <a:pt x="46" y="185"/>
                </a:lnTo>
                <a:lnTo>
                  <a:pt x="100" y="185"/>
                </a:lnTo>
                <a:lnTo>
                  <a:pt x="154" y="185"/>
                </a:lnTo>
                <a:lnTo>
                  <a:pt x="200" y="185"/>
                </a:lnTo>
                <a:lnTo>
                  <a:pt x="254" y="185"/>
                </a:lnTo>
                <a:lnTo>
                  <a:pt x="308" y="185"/>
                </a:lnTo>
                <a:lnTo>
                  <a:pt x="362" y="177"/>
                </a:lnTo>
                <a:lnTo>
                  <a:pt x="408" y="177"/>
                </a:lnTo>
                <a:lnTo>
                  <a:pt x="461" y="177"/>
                </a:lnTo>
                <a:lnTo>
                  <a:pt x="515" y="169"/>
                </a:lnTo>
                <a:lnTo>
                  <a:pt x="569" y="169"/>
                </a:lnTo>
                <a:lnTo>
                  <a:pt x="615" y="162"/>
                </a:lnTo>
                <a:lnTo>
                  <a:pt x="669" y="154"/>
                </a:lnTo>
                <a:lnTo>
                  <a:pt x="723" y="146"/>
                </a:lnTo>
                <a:lnTo>
                  <a:pt x="769" y="139"/>
                </a:lnTo>
                <a:lnTo>
                  <a:pt x="823" y="131"/>
                </a:lnTo>
                <a:lnTo>
                  <a:pt x="877" y="123"/>
                </a:lnTo>
                <a:lnTo>
                  <a:pt x="930" y="116"/>
                </a:lnTo>
                <a:lnTo>
                  <a:pt x="977" y="108"/>
                </a:lnTo>
                <a:lnTo>
                  <a:pt x="1030" y="93"/>
                </a:lnTo>
                <a:lnTo>
                  <a:pt x="1084" y="85"/>
                </a:lnTo>
                <a:lnTo>
                  <a:pt x="1138" y="70"/>
                </a:lnTo>
                <a:lnTo>
                  <a:pt x="1184" y="62"/>
                </a:lnTo>
                <a:lnTo>
                  <a:pt x="1238" y="46"/>
                </a:lnTo>
                <a:lnTo>
                  <a:pt x="1292" y="39"/>
                </a:lnTo>
                <a:lnTo>
                  <a:pt x="1338" y="31"/>
                </a:lnTo>
                <a:lnTo>
                  <a:pt x="1392" y="23"/>
                </a:lnTo>
                <a:lnTo>
                  <a:pt x="1445" y="23"/>
                </a:lnTo>
                <a:lnTo>
                  <a:pt x="1499" y="16"/>
                </a:lnTo>
                <a:lnTo>
                  <a:pt x="1545" y="16"/>
                </a:lnTo>
                <a:lnTo>
                  <a:pt x="1599" y="23"/>
                </a:lnTo>
                <a:lnTo>
                  <a:pt x="1653" y="31"/>
                </a:lnTo>
                <a:lnTo>
                  <a:pt x="1707" y="39"/>
                </a:lnTo>
                <a:lnTo>
                  <a:pt x="1753" y="54"/>
                </a:lnTo>
                <a:lnTo>
                  <a:pt x="1807" y="54"/>
                </a:lnTo>
                <a:lnTo>
                  <a:pt x="1861" y="39"/>
                </a:lnTo>
                <a:lnTo>
                  <a:pt x="1914" y="0"/>
                </a:lnTo>
                <a:lnTo>
                  <a:pt x="1961" y="0"/>
                </a:lnTo>
                <a:lnTo>
                  <a:pt x="2014" y="23"/>
                </a:lnTo>
                <a:lnTo>
                  <a:pt x="2068" y="62"/>
                </a:lnTo>
                <a:lnTo>
                  <a:pt x="2114" y="108"/>
                </a:lnTo>
                <a:lnTo>
                  <a:pt x="2168" y="154"/>
                </a:lnTo>
                <a:lnTo>
                  <a:pt x="2222" y="223"/>
                </a:lnTo>
                <a:lnTo>
                  <a:pt x="2276" y="377"/>
                </a:lnTo>
              </a:path>
            </a:pathLst>
          </a:cu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54" name="Freeform 852"/>
          <p:cNvSpPr>
            <a:spLocks/>
          </p:cNvSpPr>
          <p:nvPr/>
        </p:nvSpPr>
        <p:spPr bwMode="auto">
          <a:xfrm>
            <a:off x="2028825" y="3740150"/>
            <a:ext cx="3856038" cy="574675"/>
          </a:xfrm>
          <a:custGeom>
            <a:avLst/>
            <a:gdLst/>
            <a:ahLst/>
            <a:cxnLst>
              <a:cxn ang="0">
                <a:pos x="0" y="177"/>
              </a:cxn>
              <a:cxn ang="0">
                <a:pos x="46" y="177"/>
              </a:cxn>
              <a:cxn ang="0">
                <a:pos x="100" y="177"/>
              </a:cxn>
              <a:cxn ang="0">
                <a:pos x="154" y="177"/>
              </a:cxn>
              <a:cxn ang="0">
                <a:pos x="200" y="177"/>
              </a:cxn>
              <a:cxn ang="0">
                <a:pos x="254" y="177"/>
              </a:cxn>
              <a:cxn ang="0">
                <a:pos x="308" y="169"/>
              </a:cxn>
              <a:cxn ang="0">
                <a:pos x="362" y="169"/>
              </a:cxn>
              <a:cxn ang="0">
                <a:pos x="408" y="169"/>
              </a:cxn>
              <a:cxn ang="0">
                <a:pos x="461" y="162"/>
              </a:cxn>
              <a:cxn ang="0">
                <a:pos x="515" y="162"/>
              </a:cxn>
              <a:cxn ang="0">
                <a:pos x="569" y="154"/>
              </a:cxn>
              <a:cxn ang="0">
                <a:pos x="615" y="154"/>
              </a:cxn>
              <a:cxn ang="0">
                <a:pos x="669" y="146"/>
              </a:cxn>
              <a:cxn ang="0">
                <a:pos x="723" y="139"/>
              </a:cxn>
              <a:cxn ang="0">
                <a:pos x="769" y="131"/>
              </a:cxn>
              <a:cxn ang="0">
                <a:pos x="823" y="123"/>
              </a:cxn>
              <a:cxn ang="0">
                <a:pos x="877" y="116"/>
              </a:cxn>
              <a:cxn ang="0">
                <a:pos x="930" y="108"/>
              </a:cxn>
              <a:cxn ang="0">
                <a:pos x="977" y="93"/>
              </a:cxn>
              <a:cxn ang="0">
                <a:pos x="1030" y="85"/>
              </a:cxn>
              <a:cxn ang="0">
                <a:pos x="1084" y="70"/>
              </a:cxn>
              <a:cxn ang="0">
                <a:pos x="1138" y="62"/>
              </a:cxn>
              <a:cxn ang="0">
                <a:pos x="1184" y="46"/>
              </a:cxn>
              <a:cxn ang="0">
                <a:pos x="1238" y="39"/>
              </a:cxn>
              <a:cxn ang="0">
                <a:pos x="1292" y="31"/>
              </a:cxn>
              <a:cxn ang="0">
                <a:pos x="1338" y="16"/>
              </a:cxn>
              <a:cxn ang="0">
                <a:pos x="1392" y="16"/>
              </a:cxn>
              <a:cxn ang="0">
                <a:pos x="1445" y="8"/>
              </a:cxn>
              <a:cxn ang="0">
                <a:pos x="1499" y="0"/>
              </a:cxn>
              <a:cxn ang="0">
                <a:pos x="1545" y="0"/>
              </a:cxn>
              <a:cxn ang="0">
                <a:pos x="1599" y="8"/>
              </a:cxn>
              <a:cxn ang="0">
                <a:pos x="1653" y="16"/>
              </a:cxn>
              <a:cxn ang="0">
                <a:pos x="1707" y="23"/>
              </a:cxn>
              <a:cxn ang="0">
                <a:pos x="1753" y="39"/>
              </a:cxn>
              <a:cxn ang="0">
                <a:pos x="1807" y="54"/>
              </a:cxn>
              <a:cxn ang="0">
                <a:pos x="1861" y="70"/>
              </a:cxn>
              <a:cxn ang="0">
                <a:pos x="1914" y="85"/>
              </a:cxn>
              <a:cxn ang="0">
                <a:pos x="1961" y="93"/>
              </a:cxn>
              <a:cxn ang="0">
                <a:pos x="2014" y="70"/>
              </a:cxn>
              <a:cxn ang="0">
                <a:pos x="2068" y="31"/>
              </a:cxn>
              <a:cxn ang="0">
                <a:pos x="2114" y="31"/>
              </a:cxn>
              <a:cxn ang="0">
                <a:pos x="2168" y="54"/>
              </a:cxn>
              <a:cxn ang="0">
                <a:pos x="2222" y="85"/>
              </a:cxn>
              <a:cxn ang="0">
                <a:pos x="2276" y="116"/>
              </a:cxn>
              <a:cxn ang="0">
                <a:pos x="2322" y="154"/>
              </a:cxn>
              <a:cxn ang="0">
                <a:pos x="2376" y="200"/>
              </a:cxn>
              <a:cxn ang="0">
                <a:pos x="2429" y="362"/>
              </a:cxn>
            </a:cxnLst>
            <a:rect l="0" t="0" r="r" b="b"/>
            <a:pathLst>
              <a:path w="2429" h="362">
                <a:moveTo>
                  <a:pt x="0" y="177"/>
                </a:moveTo>
                <a:lnTo>
                  <a:pt x="46" y="177"/>
                </a:lnTo>
                <a:lnTo>
                  <a:pt x="100" y="177"/>
                </a:lnTo>
                <a:lnTo>
                  <a:pt x="154" y="177"/>
                </a:lnTo>
                <a:lnTo>
                  <a:pt x="200" y="177"/>
                </a:lnTo>
                <a:lnTo>
                  <a:pt x="254" y="177"/>
                </a:lnTo>
                <a:lnTo>
                  <a:pt x="308" y="169"/>
                </a:lnTo>
                <a:lnTo>
                  <a:pt x="362" y="169"/>
                </a:lnTo>
                <a:lnTo>
                  <a:pt x="408" y="169"/>
                </a:lnTo>
                <a:lnTo>
                  <a:pt x="461" y="162"/>
                </a:lnTo>
                <a:lnTo>
                  <a:pt x="515" y="162"/>
                </a:lnTo>
                <a:lnTo>
                  <a:pt x="569" y="154"/>
                </a:lnTo>
                <a:lnTo>
                  <a:pt x="615" y="154"/>
                </a:lnTo>
                <a:lnTo>
                  <a:pt x="669" y="146"/>
                </a:lnTo>
                <a:lnTo>
                  <a:pt x="723" y="139"/>
                </a:lnTo>
                <a:lnTo>
                  <a:pt x="769" y="131"/>
                </a:lnTo>
                <a:lnTo>
                  <a:pt x="823" y="123"/>
                </a:lnTo>
                <a:lnTo>
                  <a:pt x="877" y="116"/>
                </a:lnTo>
                <a:lnTo>
                  <a:pt x="930" y="108"/>
                </a:lnTo>
                <a:lnTo>
                  <a:pt x="977" y="93"/>
                </a:lnTo>
                <a:lnTo>
                  <a:pt x="1030" y="85"/>
                </a:lnTo>
                <a:lnTo>
                  <a:pt x="1084" y="70"/>
                </a:lnTo>
                <a:lnTo>
                  <a:pt x="1138" y="62"/>
                </a:lnTo>
                <a:lnTo>
                  <a:pt x="1184" y="46"/>
                </a:lnTo>
                <a:lnTo>
                  <a:pt x="1238" y="39"/>
                </a:lnTo>
                <a:lnTo>
                  <a:pt x="1292" y="31"/>
                </a:lnTo>
                <a:lnTo>
                  <a:pt x="1338" y="16"/>
                </a:lnTo>
                <a:lnTo>
                  <a:pt x="1392" y="16"/>
                </a:lnTo>
                <a:lnTo>
                  <a:pt x="1445" y="8"/>
                </a:lnTo>
                <a:lnTo>
                  <a:pt x="1499" y="0"/>
                </a:lnTo>
                <a:lnTo>
                  <a:pt x="1545" y="0"/>
                </a:lnTo>
                <a:lnTo>
                  <a:pt x="1599" y="8"/>
                </a:lnTo>
                <a:lnTo>
                  <a:pt x="1653" y="16"/>
                </a:lnTo>
                <a:lnTo>
                  <a:pt x="1707" y="23"/>
                </a:lnTo>
                <a:lnTo>
                  <a:pt x="1753" y="39"/>
                </a:lnTo>
                <a:lnTo>
                  <a:pt x="1807" y="54"/>
                </a:lnTo>
                <a:lnTo>
                  <a:pt x="1861" y="70"/>
                </a:lnTo>
                <a:lnTo>
                  <a:pt x="1914" y="85"/>
                </a:lnTo>
                <a:lnTo>
                  <a:pt x="1961" y="93"/>
                </a:lnTo>
                <a:lnTo>
                  <a:pt x="2014" y="70"/>
                </a:lnTo>
                <a:lnTo>
                  <a:pt x="2068" y="31"/>
                </a:lnTo>
                <a:lnTo>
                  <a:pt x="2114" y="31"/>
                </a:lnTo>
                <a:lnTo>
                  <a:pt x="2168" y="54"/>
                </a:lnTo>
                <a:lnTo>
                  <a:pt x="2222" y="85"/>
                </a:lnTo>
                <a:lnTo>
                  <a:pt x="2276" y="116"/>
                </a:lnTo>
                <a:lnTo>
                  <a:pt x="2322" y="154"/>
                </a:lnTo>
                <a:lnTo>
                  <a:pt x="2376" y="200"/>
                </a:lnTo>
                <a:lnTo>
                  <a:pt x="2429" y="362"/>
                </a:lnTo>
              </a:path>
            </a:pathLst>
          </a:cu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55" name="Freeform 853"/>
          <p:cNvSpPr>
            <a:spLocks/>
          </p:cNvSpPr>
          <p:nvPr/>
        </p:nvSpPr>
        <p:spPr bwMode="auto">
          <a:xfrm>
            <a:off x="2028825" y="3924300"/>
            <a:ext cx="4100513" cy="500063"/>
          </a:xfrm>
          <a:custGeom>
            <a:avLst/>
            <a:gdLst/>
            <a:ahLst/>
            <a:cxnLst>
              <a:cxn ang="0">
                <a:pos x="0" y="176"/>
              </a:cxn>
              <a:cxn ang="0">
                <a:pos x="46" y="176"/>
              </a:cxn>
              <a:cxn ang="0">
                <a:pos x="100" y="176"/>
              </a:cxn>
              <a:cxn ang="0">
                <a:pos x="154" y="176"/>
              </a:cxn>
              <a:cxn ang="0">
                <a:pos x="200" y="176"/>
              </a:cxn>
              <a:cxn ang="0">
                <a:pos x="254" y="176"/>
              </a:cxn>
              <a:cxn ang="0">
                <a:pos x="308" y="169"/>
              </a:cxn>
              <a:cxn ang="0">
                <a:pos x="362" y="169"/>
              </a:cxn>
              <a:cxn ang="0">
                <a:pos x="408" y="169"/>
              </a:cxn>
              <a:cxn ang="0">
                <a:pos x="461" y="161"/>
              </a:cxn>
              <a:cxn ang="0">
                <a:pos x="515" y="161"/>
              </a:cxn>
              <a:cxn ang="0">
                <a:pos x="569" y="153"/>
              </a:cxn>
              <a:cxn ang="0">
                <a:pos x="615" y="153"/>
              </a:cxn>
              <a:cxn ang="0">
                <a:pos x="669" y="146"/>
              </a:cxn>
              <a:cxn ang="0">
                <a:pos x="723" y="138"/>
              </a:cxn>
              <a:cxn ang="0">
                <a:pos x="769" y="130"/>
              </a:cxn>
              <a:cxn ang="0">
                <a:pos x="823" y="123"/>
              </a:cxn>
              <a:cxn ang="0">
                <a:pos x="877" y="115"/>
              </a:cxn>
              <a:cxn ang="0">
                <a:pos x="930" y="100"/>
              </a:cxn>
              <a:cxn ang="0">
                <a:pos x="977" y="92"/>
              </a:cxn>
              <a:cxn ang="0">
                <a:pos x="1030" y="77"/>
              </a:cxn>
              <a:cxn ang="0">
                <a:pos x="1084" y="69"/>
              </a:cxn>
              <a:cxn ang="0">
                <a:pos x="1138" y="53"/>
              </a:cxn>
              <a:cxn ang="0">
                <a:pos x="1184" y="46"/>
              </a:cxn>
              <a:cxn ang="0">
                <a:pos x="1238" y="38"/>
              </a:cxn>
              <a:cxn ang="0">
                <a:pos x="1292" y="23"/>
              </a:cxn>
              <a:cxn ang="0">
                <a:pos x="1338" y="15"/>
              </a:cxn>
              <a:cxn ang="0">
                <a:pos x="1392" y="7"/>
              </a:cxn>
              <a:cxn ang="0">
                <a:pos x="1445" y="0"/>
              </a:cxn>
              <a:cxn ang="0">
                <a:pos x="1499" y="0"/>
              </a:cxn>
              <a:cxn ang="0">
                <a:pos x="1545" y="0"/>
              </a:cxn>
              <a:cxn ang="0">
                <a:pos x="1599" y="0"/>
              </a:cxn>
              <a:cxn ang="0">
                <a:pos x="1653" y="7"/>
              </a:cxn>
              <a:cxn ang="0">
                <a:pos x="1707" y="15"/>
              </a:cxn>
              <a:cxn ang="0">
                <a:pos x="1753" y="30"/>
              </a:cxn>
              <a:cxn ang="0">
                <a:pos x="1807" y="46"/>
              </a:cxn>
              <a:cxn ang="0">
                <a:pos x="1861" y="61"/>
              </a:cxn>
              <a:cxn ang="0">
                <a:pos x="1914" y="77"/>
              </a:cxn>
              <a:cxn ang="0">
                <a:pos x="1961" y="92"/>
              </a:cxn>
              <a:cxn ang="0">
                <a:pos x="2014" y="115"/>
              </a:cxn>
              <a:cxn ang="0">
                <a:pos x="2068" y="130"/>
              </a:cxn>
              <a:cxn ang="0">
                <a:pos x="2114" y="130"/>
              </a:cxn>
              <a:cxn ang="0">
                <a:pos x="2168" y="100"/>
              </a:cxn>
              <a:cxn ang="0">
                <a:pos x="2222" y="61"/>
              </a:cxn>
              <a:cxn ang="0">
                <a:pos x="2276" y="53"/>
              </a:cxn>
              <a:cxn ang="0">
                <a:pos x="2322" y="69"/>
              </a:cxn>
              <a:cxn ang="0">
                <a:pos x="2376" y="92"/>
              </a:cxn>
              <a:cxn ang="0">
                <a:pos x="2429" y="115"/>
              </a:cxn>
              <a:cxn ang="0">
                <a:pos x="2483" y="138"/>
              </a:cxn>
              <a:cxn ang="0">
                <a:pos x="2529" y="169"/>
              </a:cxn>
              <a:cxn ang="0">
                <a:pos x="2583" y="315"/>
              </a:cxn>
            </a:cxnLst>
            <a:rect l="0" t="0" r="r" b="b"/>
            <a:pathLst>
              <a:path w="2583" h="315">
                <a:moveTo>
                  <a:pt x="0" y="176"/>
                </a:moveTo>
                <a:lnTo>
                  <a:pt x="46" y="176"/>
                </a:lnTo>
                <a:lnTo>
                  <a:pt x="100" y="176"/>
                </a:lnTo>
                <a:lnTo>
                  <a:pt x="154" y="176"/>
                </a:lnTo>
                <a:lnTo>
                  <a:pt x="200" y="176"/>
                </a:lnTo>
                <a:lnTo>
                  <a:pt x="254" y="176"/>
                </a:lnTo>
                <a:lnTo>
                  <a:pt x="308" y="169"/>
                </a:lnTo>
                <a:lnTo>
                  <a:pt x="362" y="169"/>
                </a:lnTo>
                <a:lnTo>
                  <a:pt x="408" y="169"/>
                </a:lnTo>
                <a:lnTo>
                  <a:pt x="461" y="161"/>
                </a:lnTo>
                <a:lnTo>
                  <a:pt x="515" y="161"/>
                </a:lnTo>
                <a:lnTo>
                  <a:pt x="569" y="153"/>
                </a:lnTo>
                <a:lnTo>
                  <a:pt x="615" y="153"/>
                </a:lnTo>
                <a:lnTo>
                  <a:pt x="669" y="146"/>
                </a:lnTo>
                <a:lnTo>
                  <a:pt x="723" y="138"/>
                </a:lnTo>
                <a:lnTo>
                  <a:pt x="769" y="130"/>
                </a:lnTo>
                <a:lnTo>
                  <a:pt x="823" y="123"/>
                </a:lnTo>
                <a:lnTo>
                  <a:pt x="877" y="115"/>
                </a:lnTo>
                <a:lnTo>
                  <a:pt x="930" y="100"/>
                </a:lnTo>
                <a:lnTo>
                  <a:pt x="977" y="92"/>
                </a:lnTo>
                <a:lnTo>
                  <a:pt x="1030" y="77"/>
                </a:lnTo>
                <a:lnTo>
                  <a:pt x="1084" y="69"/>
                </a:lnTo>
                <a:lnTo>
                  <a:pt x="1138" y="53"/>
                </a:lnTo>
                <a:lnTo>
                  <a:pt x="1184" y="46"/>
                </a:lnTo>
                <a:lnTo>
                  <a:pt x="1238" y="38"/>
                </a:lnTo>
                <a:lnTo>
                  <a:pt x="1292" y="23"/>
                </a:lnTo>
                <a:lnTo>
                  <a:pt x="1338" y="15"/>
                </a:lnTo>
                <a:lnTo>
                  <a:pt x="1392" y="7"/>
                </a:lnTo>
                <a:lnTo>
                  <a:pt x="1445" y="0"/>
                </a:lnTo>
                <a:lnTo>
                  <a:pt x="1499" y="0"/>
                </a:lnTo>
                <a:lnTo>
                  <a:pt x="1545" y="0"/>
                </a:lnTo>
                <a:lnTo>
                  <a:pt x="1599" y="0"/>
                </a:lnTo>
                <a:lnTo>
                  <a:pt x="1653" y="7"/>
                </a:lnTo>
                <a:lnTo>
                  <a:pt x="1707" y="15"/>
                </a:lnTo>
                <a:lnTo>
                  <a:pt x="1753" y="30"/>
                </a:lnTo>
                <a:lnTo>
                  <a:pt x="1807" y="46"/>
                </a:lnTo>
                <a:lnTo>
                  <a:pt x="1861" y="61"/>
                </a:lnTo>
                <a:lnTo>
                  <a:pt x="1914" y="77"/>
                </a:lnTo>
                <a:lnTo>
                  <a:pt x="1961" y="92"/>
                </a:lnTo>
                <a:lnTo>
                  <a:pt x="2014" y="115"/>
                </a:lnTo>
                <a:lnTo>
                  <a:pt x="2068" y="130"/>
                </a:lnTo>
                <a:lnTo>
                  <a:pt x="2114" y="130"/>
                </a:lnTo>
                <a:lnTo>
                  <a:pt x="2168" y="100"/>
                </a:lnTo>
                <a:lnTo>
                  <a:pt x="2222" y="61"/>
                </a:lnTo>
                <a:lnTo>
                  <a:pt x="2276" y="53"/>
                </a:lnTo>
                <a:lnTo>
                  <a:pt x="2322" y="69"/>
                </a:lnTo>
                <a:lnTo>
                  <a:pt x="2376" y="92"/>
                </a:lnTo>
                <a:lnTo>
                  <a:pt x="2429" y="115"/>
                </a:lnTo>
                <a:lnTo>
                  <a:pt x="2483" y="138"/>
                </a:lnTo>
                <a:lnTo>
                  <a:pt x="2529" y="169"/>
                </a:lnTo>
                <a:lnTo>
                  <a:pt x="2583" y="315"/>
                </a:lnTo>
              </a:path>
            </a:pathLst>
          </a:cu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56" name="Freeform 854"/>
          <p:cNvSpPr>
            <a:spLocks/>
          </p:cNvSpPr>
          <p:nvPr/>
        </p:nvSpPr>
        <p:spPr bwMode="auto">
          <a:xfrm>
            <a:off x="2028825" y="4094163"/>
            <a:ext cx="4344988" cy="403225"/>
          </a:xfrm>
          <a:custGeom>
            <a:avLst/>
            <a:gdLst/>
            <a:ahLst/>
            <a:cxnLst>
              <a:cxn ang="0">
                <a:pos x="0" y="185"/>
              </a:cxn>
              <a:cxn ang="0">
                <a:pos x="46" y="185"/>
              </a:cxn>
              <a:cxn ang="0">
                <a:pos x="100" y="185"/>
              </a:cxn>
              <a:cxn ang="0">
                <a:pos x="154" y="185"/>
              </a:cxn>
              <a:cxn ang="0">
                <a:pos x="200" y="185"/>
              </a:cxn>
              <a:cxn ang="0">
                <a:pos x="254" y="177"/>
              </a:cxn>
              <a:cxn ang="0">
                <a:pos x="308" y="177"/>
              </a:cxn>
              <a:cxn ang="0">
                <a:pos x="362" y="177"/>
              </a:cxn>
              <a:cxn ang="0">
                <a:pos x="408" y="177"/>
              </a:cxn>
              <a:cxn ang="0">
                <a:pos x="461" y="169"/>
              </a:cxn>
              <a:cxn ang="0">
                <a:pos x="515" y="169"/>
              </a:cxn>
              <a:cxn ang="0">
                <a:pos x="569" y="162"/>
              </a:cxn>
              <a:cxn ang="0">
                <a:pos x="615" y="154"/>
              </a:cxn>
              <a:cxn ang="0">
                <a:pos x="669" y="154"/>
              </a:cxn>
              <a:cxn ang="0">
                <a:pos x="723" y="146"/>
              </a:cxn>
              <a:cxn ang="0">
                <a:pos x="769" y="139"/>
              </a:cxn>
              <a:cxn ang="0">
                <a:pos x="823" y="131"/>
              </a:cxn>
              <a:cxn ang="0">
                <a:pos x="877" y="116"/>
              </a:cxn>
              <a:cxn ang="0">
                <a:pos x="930" y="108"/>
              </a:cxn>
              <a:cxn ang="0">
                <a:pos x="977" y="100"/>
              </a:cxn>
              <a:cxn ang="0">
                <a:pos x="1030" y="85"/>
              </a:cxn>
              <a:cxn ang="0">
                <a:pos x="1084" y="77"/>
              </a:cxn>
              <a:cxn ang="0">
                <a:pos x="1138" y="62"/>
              </a:cxn>
              <a:cxn ang="0">
                <a:pos x="1184" y="54"/>
              </a:cxn>
              <a:cxn ang="0">
                <a:pos x="1238" y="39"/>
              </a:cxn>
              <a:cxn ang="0">
                <a:pos x="1292" y="31"/>
              </a:cxn>
              <a:cxn ang="0">
                <a:pos x="1338" y="23"/>
              </a:cxn>
              <a:cxn ang="0">
                <a:pos x="1392" y="16"/>
              </a:cxn>
              <a:cxn ang="0">
                <a:pos x="1445" y="8"/>
              </a:cxn>
              <a:cxn ang="0">
                <a:pos x="1499" y="0"/>
              </a:cxn>
              <a:cxn ang="0">
                <a:pos x="1545" y="0"/>
              </a:cxn>
              <a:cxn ang="0">
                <a:pos x="1599" y="8"/>
              </a:cxn>
              <a:cxn ang="0">
                <a:pos x="1653" y="8"/>
              </a:cxn>
              <a:cxn ang="0">
                <a:pos x="1707" y="16"/>
              </a:cxn>
              <a:cxn ang="0">
                <a:pos x="1753" y="31"/>
              </a:cxn>
              <a:cxn ang="0">
                <a:pos x="1807" y="46"/>
              </a:cxn>
              <a:cxn ang="0">
                <a:pos x="1861" y="62"/>
              </a:cxn>
              <a:cxn ang="0">
                <a:pos x="1914" y="77"/>
              </a:cxn>
              <a:cxn ang="0">
                <a:pos x="1961" y="93"/>
              </a:cxn>
              <a:cxn ang="0">
                <a:pos x="2014" y="116"/>
              </a:cxn>
              <a:cxn ang="0">
                <a:pos x="2068" y="131"/>
              </a:cxn>
              <a:cxn ang="0">
                <a:pos x="2114" y="146"/>
              </a:cxn>
              <a:cxn ang="0">
                <a:pos x="2168" y="162"/>
              </a:cxn>
              <a:cxn ang="0">
                <a:pos x="2222" y="169"/>
              </a:cxn>
              <a:cxn ang="0">
                <a:pos x="2276" y="169"/>
              </a:cxn>
              <a:cxn ang="0">
                <a:pos x="2322" y="131"/>
              </a:cxn>
              <a:cxn ang="0">
                <a:pos x="2376" y="85"/>
              </a:cxn>
              <a:cxn ang="0">
                <a:pos x="2429" y="77"/>
              </a:cxn>
              <a:cxn ang="0">
                <a:pos x="2483" y="85"/>
              </a:cxn>
              <a:cxn ang="0">
                <a:pos x="2529" y="93"/>
              </a:cxn>
              <a:cxn ang="0">
                <a:pos x="2583" y="100"/>
              </a:cxn>
              <a:cxn ang="0">
                <a:pos x="2637" y="108"/>
              </a:cxn>
              <a:cxn ang="0">
                <a:pos x="2683" y="116"/>
              </a:cxn>
              <a:cxn ang="0">
                <a:pos x="2737" y="254"/>
              </a:cxn>
            </a:cxnLst>
            <a:rect l="0" t="0" r="r" b="b"/>
            <a:pathLst>
              <a:path w="2737" h="254">
                <a:moveTo>
                  <a:pt x="0" y="185"/>
                </a:moveTo>
                <a:lnTo>
                  <a:pt x="46" y="185"/>
                </a:lnTo>
                <a:lnTo>
                  <a:pt x="100" y="185"/>
                </a:lnTo>
                <a:lnTo>
                  <a:pt x="154" y="185"/>
                </a:lnTo>
                <a:lnTo>
                  <a:pt x="200" y="185"/>
                </a:lnTo>
                <a:lnTo>
                  <a:pt x="254" y="177"/>
                </a:lnTo>
                <a:lnTo>
                  <a:pt x="308" y="177"/>
                </a:lnTo>
                <a:lnTo>
                  <a:pt x="362" y="177"/>
                </a:lnTo>
                <a:lnTo>
                  <a:pt x="408" y="177"/>
                </a:lnTo>
                <a:lnTo>
                  <a:pt x="461" y="169"/>
                </a:lnTo>
                <a:lnTo>
                  <a:pt x="515" y="169"/>
                </a:lnTo>
                <a:lnTo>
                  <a:pt x="569" y="162"/>
                </a:lnTo>
                <a:lnTo>
                  <a:pt x="615" y="154"/>
                </a:lnTo>
                <a:lnTo>
                  <a:pt x="669" y="154"/>
                </a:lnTo>
                <a:lnTo>
                  <a:pt x="723" y="146"/>
                </a:lnTo>
                <a:lnTo>
                  <a:pt x="769" y="139"/>
                </a:lnTo>
                <a:lnTo>
                  <a:pt x="823" y="131"/>
                </a:lnTo>
                <a:lnTo>
                  <a:pt x="877" y="116"/>
                </a:lnTo>
                <a:lnTo>
                  <a:pt x="930" y="108"/>
                </a:lnTo>
                <a:lnTo>
                  <a:pt x="977" y="100"/>
                </a:lnTo>
                <a:lnTo>
                  <a:pt x="1030" y="85"/>
                </a:lnTo>
                <a:lnTo>
                  <a:pt x="1084" y="77"/>
                </a:lnTo>
                <a:lnTo>
                  <a:pt x="1138" y="62"/>
                </a:lnTo>
                <a:lnTo>
                  <a:pt x="1184" y="54"/>
                </a:lnTo>
                <a:lnTo>
                  <a:pt x="1238" y="39"/>
                </a:lnTo>
                <a:lnTo>
                  <a:pt x="1292" y="31"/>
                </a:lnTo>
                <a:lnTo>
                  <a:pt x="1338" y="23"/>
                </a:lnTo>
                <a:lnTo>
                  <a:pt x="1392" y="16"/>
                </a:lnTo>
                <a:lnTo>
                  <a:pt x="1445" y="8"/>
                </a:lnTo>
                <a:lnTo>
                  <a:pt x="1499" y="0"/>
                </a:lnTo>
                <a:lnTo>
                  <a:pt x="1545" y="0"/>
                </a:lnTo>
                <a:lnTo>
                  <a:pt x="1599" y="8"/>
                </a:lnTo>
                <a:lnTo>
                  <a:pt x="1653" y="8"/>
                </a:lnTo>
                <a:lnTo>
                  <a:pt x="1707" y="16"/>
                </a:lnTo>
                <a:lnTo>
                  <a:pt x="1753" y="31"/>
                </a:lnTo>
                <a:lnTo>
                  <a:pt x="1807" y="46"/>
                </a:lnTo>
                <a:lnTo>
                  <a:pt x="1861" y="62"/>
                </a:lnTo>
                <a:lnTo>
                  <a:pt x="1914" y="77"/>
                </a:lnTo>
                <a:lnTo>
                  <a:pt x="1961" y="93"/>
                </a:lnTo>
                <a:lnTo>
                  <a:pt x="2014" y="116"/>
                </a:lnTo>
                <a:lnTo>
                  <a:pt x="2068" y="131"/>
                </a:lnTo>
                <a:lnTo>
                  <a:pt x="2114" y="146"/>
                </a:lnTo>
                <a:lnTo>
                  <a:pt x="2168" y="162"/>
                </a:lnTo>
                <a:lnTo>
                  <a:pt x="2222" y="169"/>
                </a:lnTo>
                <a:lnTo>
                  <a:pt x="2276" y="169"/>
                </a:lnTo>
                <a:lnTo>
                  <a:pt x="2322" y="131"/>
                </a:lnTo>
                <a:lnTo>
                  <a:pt x="2376" y="85"/>
                </a:lnTo>
                <a:lnTo>
                  <a:pt x="2429" y="77"/>
                </a:lnTo>
                <a:lnTo>
                  <a:pt x="2483" y="85"/>
                </a:lnTo>
                <a:lnTo>
                  <a:pt x="2529" y="93"/>
                </a:lnTo>
                <a:lnTo>
                  <a:pt x="2583" y="100"/>
                </a:lnTo>
                <a:lnTo>
                  <a:pt x="2637" y="108"/>
                </a:lnTo>
                <a:lnTo>
                  <a:pt x="2683" y="116"/>
                </a:lnTo>
                <a:lnTo>
                  <a:pt x="2737" y="254"/>
                </a:lnTo>
              </a:path>
            </a:pathLst>
          </a:cu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57" name="Freeform 856"/>
          <p:cNvSpPr>
            <a:spLocks/>
          </p:cNvSpPr>
          <p:nvPr/>
        </p:nvSpPr>
        <p:spPr bwMode="auto">
          <a:xfrm>
            <a:off x="2028825" y="4351338"/>
            <a:ext cx="4845050" cy="427038"/>
          </a:xfrm>
          <a:custGeom>
            <a:avLst/>
            <a:gdLst/>
            <a:ahLst/>
            <a:cxnLst>
              <a:cxn ang="0">
                <a:pos x="0" y="253"/>
              </a:cxn>
              <a:cxn ang="0">
                <a:pos x="46" y="253"/>
              </a:cxn>
              <a:cxn ang="0">
                <a:pos x="100" y="253"/>
              </a:cxn>
              <a:cxn ang="0">
                <a:pos x="154" y="253"/>
              </a:cxn>
              <a:cxn ang="0">
                <a:pos x="200" y="253"/>
              </a:cxn>
              <a:cxn ang="0">
                <a:pos x="254" y="246"/>
              </a:cxn>
              <a:cxn ang="0">
                <a:pos x="308" y="246"/>
              </a:cxn>
              <a:cxn ang="0">
                <a:pos x="362" y="246"/>
              </a:cxn>
              <a:cxn ang="0">
                <a:pos x="408" y="238"/>
              </a:cxn>
              <a:cxn ang="0">
                <a:pos x="461" y="238"/>
              </a:cxn>
              <a:cxn ang="0">
                <a:pos x="515" y="230"/>
              </a:cxn>
              <a:cxn ang="0">
                <a:pos x="569" y="230"/>
              </a:cxn>
              <a:cxn ang="0">
                <a:pos x="615" y="223"/>
              </a:cxn>
              <a:cxn ang="0">
                <a:pos x="669" y="215"/>
              </a:cxn>
              <a:cxn ang="0">
                <a:pos x="723" y="207"/>
              </a:cxn>
              <a:cxn ang="0">
                <a:pos x="769" y="200"/>
              </a:cxn>
              <a:cxn ang="0">
                <a:pos x="823" y="192"/>
              </a:cxn>
              <a:cxn ang="0">
                <a:pos x="877" y="184"/>
              </a:cxn>
              <a:cxn ang="0">
                <a:pos x="930" y="177"/>
              </a:cxn>
              <a:cxn ang="0">
                <a:pos x="977" y="161"/>
              </a:cxn>
              <a:cxn ang="0">
                <a:pos x="1030" y="153"/>
              </a:cxn>
              <a:cxn ang="0">
                <a:pos x="1084" y="138"/>
              </a:cxn>
              <a:cxn ang="0">
                <a:pos x="1138" y="130"/>
              </a:cxn>
              <a:cxn ang="0">
                <a:pos x="1184" y="115"/>
              </a:cxn>
              <a:cxn ang="0">
                <a:pos x="1238" y="107"/>
              </a:cxn>
              <a:cxn ang="0">
                <a:pos x="1292" y="92"/>
              </a:cxn>
              <a:cxn ang="0">
                <a:pos x="1338" y="84"/>
              </a:cxn>
              <a:cxn ang="0">
                <a:pos x="1392" y="77"/>
              </a:cxn>
              <a:cxn ang="0">
                <a:pos x="1445" y="69"/>
              </a:cxn>
              <a:cxn ang="0">
                <a:pos x="1499" y="69"/>
              </a:cxn>
              <a:cxn ang="0">
                <a:pos x="1545" y="61"/>
              </a:cxn>
              <a:cxn ang="0">
                <a:pos x="1599" y="69"/>
              </a:cxn>
              <a:cxn ang="0">
                <a:pos x="1653" y="69"/>
              </a:cxn>
              <a:cxn ang="0">
                <a:pos x="1707" y="77"/>
              </a:cxn>
              <a:cxn ang="0">
                <a:pos x="1753" y="92"/>
              </a:cxn>
              <a:cxn ang="0">
                <a:pos x="1807" y="107"/>
              </a:cxn>
              <a:cxn ang="0">
                <a:pos x="1861" y="123"/>
              </a:cxn>
              <a:cxn ang="0">
                <a:pos x="1914" y="138"/>
              </a:cxn>
              <a:cxn ang="0">
                <a:pos x="1961" y="153"/>
              </a:cxn>
              <a:cxn ang="0">
                <a:pos x="2014" y="169"/>
              </a:cxn>
              <a:cxn ang="0">
                <a:pos x="2068" y="184"/>
              </a:cxn>
              <a:cxn ang="0">
                <a:pos x="2114" y="200"/>
              </a:cxn>
              <a:cxn ang="0">
                <a:pos x="2168" y="215"/>
              </a:cxn>
              <a:cxn ang="0">
                <a:pos x="2222" y="230"/>
              </a:cxn>
              <a:cxn ang="0">
                <a:pos x="2276" y="238"/>
              </a:cxn>
              <a:cxn ang="0">
                <a:pos x="2322" y="246"/>
              </a:cxn>
              <a:cxn ang="0">
                <a:pos x="2376" y="261"/>
              </a:cxn>
              <a:cxn ang="0">
                <a:pos x="2429" y="261"/>
              </a:cxn>
              <a:cxn ang="0">
                <a:pos x="2483" y="269"/>
              </a:cxn>
              <a:cxn ang="0">
                <a:pos x="2529" y="269"/>
              </a:cxn>
              <a:cxn ang="0">
                <a:pos x="2583" y="253"/>
              </a:cxn>
              <a:cxn ang="0">
                <a:pos x="2637" y="200"/>
              </a:cxn>
              <a:cxn ang="0">
                <a:pos x="2683" y="138"/>
              </a:cxn>
              <a:cxn ang="0">
                <a:pos x="2737" y="115"/>
              </a:cxn>
              <a:cxn ang="0">
                <a:pos x="2791" y="107"/>
              </a:cxn>
              <a:cxn ang="0">
                <a:pos x="2845" y="92"/>
              </a:cxn>
              <a:cxn ang="0">
                <a:pos x="2891" y="69"/>
              </a:cxn>
              <a:cxn ang="0">
                <a:pos x="2945" y="46"/>
              </a:cxn>
              <a:cxn ang="0">
                <a:pos x="2998" y="0"/>
              </a:cxn>
              <a:cxn ang="0">
                <a:pos x="3052" y="153"/>
              </a:cxn>
            </a:cxnLst>
            <a:rect l="0" t="0" r="r" b="b"/>
            <a:pathLst>
              <a:path w="3052" h="269">
                <a:moveTo>
                  <a:pt x="0" y="253"/>
                </a:moveTo>
                <a:lnTo>
                  <a:pt x="46" y="253"/>
                </a:lnTo>
                <a:lnTo>
                  <a:pt x="100" y="253"/>
                </a:lnTo>
                <a:lnTo>
                  <a:pt x="154" y="253"/>
                </a:lnTo>
                <a:lnTo>
                  <a:pt x="200" y="253"/>
                </a:lnTo>
                <a:lnTo>
                  <a:pt x="254" y="246"/>
                </a:lnTo>
                <a:lnTo>
                  <a:pt x="308" y="246"/>
                </a:lnTo>
                <a:lnTo>
                  <a:pt x="362" y="246"/>
                </a:lnTo>
                <a:lnTo>
                  <a:pt x="408" y="238"/>
                </a:lnTo>
                <a:lnTo>
                  <a:pt x="461" y="238"/>
                </a:lnTo>
                <a:lnTo>
                  <a:pt x="515" y="230"/>
                </a:lnTo>
                <a:lnTo>
                  <a:pt x="569" y="230"/>
                </a:lnTo>
                <a:lnTo>
                  <a:pt x="615" y="223"/>
                </a:lnTo>
                <a:lnTo>
                  <a:pt x="669" y="215"/>
                </a:lnTo>
                <a:lnTo>
                  <a:pt x="723" y="207"/>
                </a:lnTo>
                <a:lnTo>
                  <a:pt x="769" y="200"/>
                </a:lnTo>
                <a:lnTo>
                  <a:pt x="823" y="192"/>
                </a:lnTo>
                <a:lnTo>
                  <a:pt x="877" y="184"/>
                </a:lnTo>
                <a:lnTo>
                  <a:pt x="930" y="177"/>
                </a:lnTo>
                <a:lnTo>
                  <a:pt x="977" y="161"/>
                </a:lnTo>
                <a:lnTo>
                  <a:pt x="1030" y="153"/>
                </a:lnTo>
                <a:lnTo>
                  <a:pt x="1084" y="138"/>
                </a:lnTo>
                <a:lnTo>
                  <a:pt x="1138" y="130"/>
                </a:lnTo>
                <a:lnTo>
                  <a:pt x="1184" y="115"/>
                </a:lnTo>
                <a:lnTo>
                  <a:pt x="1238" y="107"/>
                </a:lnTo>
                <a:lnTo>
                  <a:pt x="1292" y="92"/>
                </a:lnTo>
                <a:lnTo>
                  <a:pt x="1338" y="84"/>
                </a:lnTo>
                <a:lnTo>
                  <a:pt x="1392" y="77"/>
                </a:lnTo>
                <a:lnTo>
                  <a:pt x="1445" y="69"/>
                </a:lnTo>
                <a:lnTo>
                  <a:pt x="1499" y="69"/>
                </a:lnTo>
                <a:lnTo>
                  <a:pt x="1545" y="61"/>
                </a:lnTo>
                <a:lnTo>
                  <a:pt x="1599" y="69"/>
                </a:lnTo>
                <a:lnTo>
                  <a:pt x="1653" y="69"/>
                </a:lnTo>
                <a:lnTo>
                  <a:pt x="1707" y="77"/>
                </a:lnTo>
                <a:lnTo>
                  <a:pt x="1753" y="92"/>
                </a:lnTo>
                <a:lnTo>
                  <a:pt x="1807" y="107"/>
                </a:lnTo>
                <a:lnTo>
                  <a:pt x="1861" y="123"/>
                </a:lnTo>
                <a:lnTo>
                  <a:pt x="1914" y="138"/>
                </a:lnTo>
                <a:lnTo>
                  <a:pt x="1961" y="153"/>
                </a:lnTo>
                <a:lnTo>
                  <a:pt x="2014" y="169"/>
                </a:lnTo>
                <a:lnTo>
                  <a:pt x="2068" y="184"/>
                </a:lnTo>
                <a:lnTo>
                  <a:pt x="2114" y="200"/>
                </a:lnTo>
                <a:lnTo>
                  <a:pt x="2168" y="215"/>
                </a:lnTo>
                <a:lnTo>
                  <a:pt x="2222" y="230"/>
                </a:lnTo>
                <a:lnTo>
                  <a:pt x="2276" y="238"/>
                </a:lnTo>
                <a:lnTo>
                  <a:pt x="2322" y="246"/>
                </a:lnTo>
                <a:lnTo>
                  <a:pt x="2376" y="261"/>
                </a:lnTo>
                <a:lnTo>
                  <a:pt x="2429" y="261"/>
                </a:lnTo>
                <a:lnTo>
                  <a:pt x="2483" y="269"/>
                </a:lnTo>
                <a:lnTo>
                  <a:pt x="2529" y="269"/>
                </a:lnTo>
                <a:lnTo>
                  <a:pt x="2583" y="253"/>
                </a:lnTo>
                <a:lnTo>
                  <a:pt x="2637" y="200"/>
                </a:lnTo>
                <a:lnTo>
                  <a:pt x="2683" y="138"/>
                </a:lnTo>
                <a:lnTo>
                  <a:pt x="2737" y="115"/>
                </a:lnTo>
                <a:lnTo>
                  <a:pt x="2791" y="107"/>
                </a:lnTo>
                <a:lnTo>
                  <a:pt x="2845" y="92"/>
                </a:lnTo>
                <a:lnTo>
                  <a:pt x="2891" y="69"/>
                </a:lnTo>
                <a:lnTo>
                  <a:pt x="2945" y="46"/>
                </a:lnTo>
                <a:lnTo>
                  <a:pt x="2998" y="0"/>
                </a:lnTo>
                <a:lnTo>
                  <a:pt x="3052" y="153"/>
                </a:lnTo>
              </a:path>
            </a:pathLst>
          </a:cu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58" name="Freeform 857"/>
          <p:cNvSpPr>
            <a:spLocks/>
          </p:cNvSpPr>
          <p:nvPr/>
        </p:nvSpPr>
        <p:spPr bwMode="auto">
          <a:xfrm>
            <a:off x="2028825" y="4375150"/>
            <a:ext cx="5089525" cy="585788"/>
          </a:xfrm>
          <a:custGeom>
            <a:avLst/>
            <a:gdLst/>
            <a:ahLst/>
            <a:cxnLst>
              <a:cxn ang="0">
                <a:pos x="0" y="354"/>
              </a:cxn>
              <a:cxn ang="0">
                <a:pos x="46" y="354"/>
              </a:cxn>
              <a:cxn ang="0">
                <a:pos x="100" y="354"/>
              </a:cxn>
              <a:cxn ang="0">
                <a:pos x="154" y="354"/>
              </a:cxn>
              <a:cxn ang="0">
                <a:pos x="200" y="346"/>
              </a:cxn>
              <a:cxn ang="0">
                <a:pos x="254" y="346"/>
              </a:cxn>
              <a:cxn ang="0">
                <a:pos x="308" y="346"/>
              </a:cxn>
              <a:cxn ang="0">
                <a:pos x="362" y="346"/>
              </a:cxn>
              <a:cxn ang="0">
                <a:pos x="408" y="338"/>
              </a:cxn>
              <a:cxn ang="0">
                <a:pos x="461" y="338"/>
              </a:cxn>
              <a:cxn ang="0">
                <a:pos x="515" y="331"/>
              </a:cxn>
              <a:cxn ang="0">
                <a:pos x="569" y="331"/>
              </a:cxn>
              <a:cxn ang="0">
                <a:pos x="615" y="323"/>
              </a:cxn>
              <a:cxn ang="0">
                <a:pos x="669" y="315"/>
              </a:cxn>
              <a:cxn ang="0">
                <a:pos x="723" y="308"/>
              </a:cxn>
              <a:cxn ang="0">
                <a:pos x="769" y="300"/>
              </a:cxn>
              <a:cxn ang="0">
                <a:pos x="823" y="292"/>
              </a:cxn>
              <a:cxn ang="0">
                <a:pos x="877" y="285"/>
              </a:cxn>
              <a:cxn ang="0">
                <a:pos x="930" y="277"/>
              </a:cxn>
              <a:cxn ang="0">
                <a:pos x="977" y="261"/>
              </a:cxn>
              <a:cxn ang="0">
                <a:pos x="1030" y="254"/>
              </a:cxn>
              <a:cxn ang="0">
                <a:pos x="1084" y="238"/>
              </a:cxn>
              <a:cxn ang="0">
                <a:pos x="1138" y="231"/>
              </a:cxn>
              <a:cxn ang="0">
                <a:pos x="1184" y="215"/>
              </a:cxn>
              <a:cxn ang="0">
                <a:pos x="1238" y="208"/>
              </a:cxn>
              <a:cxn ang="0">
                <a:pos x="1292" y="192"/>
              </a:cxn>
              <a:cxn ang="0">
                <a:pos x="1338" y="185"/>
              </a:cxn>
              <a:cxn ang="0">
                <a:pos x="1392" y="177"/>
              </a:cxn>
              <a:cxn ang="0">
                <a:pos x="1445" y="169"/>
              </a:cxn>
              <a:cxn ang="0">
                <a:pos x="1499" y="162"/>
              </a:cxn>
              <a:cxn ang="0">
                <a:pos x="1545" y="162"/>
              </a:cxn>
              <a:cxn ang="0">
                <a:pos x="1599" y="162"/>
              </a:cxn>
              <a:cxn ang="0">
                <a:pos x="1653" y="169"/>
              </a:cxn>
              <a:cxn ang="0">
                <a:pos x="1707" y="177"/>
              </a:cxn>
              <a:cxn ang="0">
                <a:pos x="1753" y="185"/>
              </a:cxn>
              <a:cxn ang="0">
                <a:pos x="1807" y="200"/>
              </a:cxn>
              <a:cxn ang="0">
                <a:pos x="1861" y="215"/>
              </a:cxn>
              <a:cxn ang="0">
                <a:pos x="1914" y="231"/>
              </a:cxn>
              <a:cxn ang="0">
                <a:pos x="1961" y="246"/>
              </a:cxn>
              <a:cxn ang="0">
                <a:pos x="2014" y="261"/>
              </a:cxn>
              <a:cxn ang="0">
                <a:pos x="2068" y="285"/>
              </a:cxn>
              <a:cxn ang="0">
                <a:pos x="2114" y="300"/>
              </a:cxn>
              <a:cxn ang="0">
                <a:pos x="2168" y="308"/>
              </a:cxn>
              <a:cxn ang="0">
                <a:pos x="2222" y="323"/>
              </a:cxn>
              <a:cxn ang="0">
                <a:pos x="2276" y="331"/>
              </a:cxn>
              <a:cxn ang="0">
                <a:pos x="2322" y="346"/>
              </a:cxn>
              <a:cxn ang="0">
                <a:pos x="2376" y="354"/>
              </a:cxn>
              <a:cxn ang="0">
                <a:pos x="2429" y="361"/>
              </a:cxn>
              <a:cxn ang="0">
                <a:pos x="2483" y="361"/>
              </a:cxn>
              <a:cxn ang="0">
                <a:pos x="2529" y="369"/>
              </a:cxn>
              <a:cxn ang="0">
                <a:pos x="2583" y="369"/>
              </a:cxn>
              <a:cxn ang="0">
                <a:pos x="2637" y="369"/>
              </a:cxn>
              <a:cxn ang="0">
                <a:pos x="2683" y="361"/>
              </a:cxn>
              <a:cxn ang="0">
                <a:pos x="2737" y="338"/>
              </a:cxn>
              <a:cxn ang="0">
                <a:pos x="2791" y="277"/>
              </a:cxn>
              <a:cxn ang="0">
                <a:pos x="2845" y="215"/>
              </a:cxn>
              <a:cxn ang="0">
                <a:pos x="2891" y="185"/>
              </a:cxn>
              <a:cxn ang="0">
                <a:pos x="2945" y="162"/>
              </a:cxn>
              <a:cxn ang="0">
                <a:pos x="2998" y="138"/>
              </a:cxn>
              <a:cxn ang="0">
                <a:pos x="3052" y="108"/>
              </a:cxn>
              <a:cxn ang="0">
                <a:pos x="3098" y="69"/>
              </a:cxn>
              <a:cxn ang="0">
                <a:pos x="3152" y="0"/>
              </a:cxn>
              <a:cxn ang="0">
                <a:pos x="3206" y="215"/>
              </a:cxn>
            </a:cxnLst>
            <a:rect l="0" t="0" r="r" b="b"/>
            <a:pathLst>
              <a:path w="3206" h="369">
                <a:moveTo>
                  <a:pt x="0" y="354"/>
                </a:moveTo>
                <a:lnTo>
                  <a:pt x="46" y="354"/>
                </a:lnTo>
                <a:lnTo>
                  <a:pt x="100" y="354"/>
                </a:lnTo>
                <a:lnTo>
                  <a:pt x="154" y="354"/>
                </a:lnTo>
                <a:lnTo>
                  <a:pt x="200" y="346"/>
                </a:lnTo>
                <a:lnTo>
                  <a:pt x="254" y="346"/>
                </a:lnTo>
                <a:lnTo>
                  <a:pt x="308" y="346"/>
                </a:lnTo>
                <a:lnTo>
                  <a:pt x="362" y="346"/>
                </a:lnTo>
                <a:lnTo>
                  <a:pt x="408" y="338"/>
                </a:lnTo>
                <a:lnTo>
                  <a:pt x="461" y="338"/>
                </a:lnTo>
                <a:lnTo>
                  <a:pt x="515" y="331"/>
                </a:lnTo>
                <a:lnTo>
                  <a:pt x="569" y="331"/>
                </a:lnTo>
                <a:lnTo>
                  <a:pt x="615" y="323"/>
                </a:lnTo>
                <a:lnTo>
                  <a:pt x="669" y="315"/>
                </a:lnTo>
                <a:lnTo>
                  <a:pt x="723" y="308"/>
                </a:lnTo>
                <a:lnTo>
                  <a:pt x="769" y="300"/>
                </a:lnTo>
                <a:lnTo>
                  <a:pt x="823" y="292"/>
                </a:lnTo>
                <a:lnTo>
                  <a:pt x="877" y="285"/>
                </a:lnTo>
                <a:lnTo>
                  <a:pt x="930" y="277"/>
                </a:lnTo>
                <a:lnTo>
                  <a:pt x="977" y="261"/>
                </a:lnTo>
                <a:lnTo>
                  <a:pt x="1030" y="254"/>
                </a:lnTo>
                <a:lnTo>
                  <a:pt x="1084" y="238"/>
                </a:lnTo>
                <a:lnTo>
                  <a:pt x="1138" y="231"/>
                </a:lnTo>
                <a:lnTo>
                  <a:pt x="1184" y="215"/>
                </a:lnTo>
                <a:lnTo>
                  <a:pt x="1238" y="208"/>
                </a:lnTo>
                <a:lnTo>
                  <a:pt x="1292" y="192"/>
                </a:lnTo>
                <a:lnTo>
                  <a:pt x="1338" y="185"/>
                </a:lnTo>
                <a:lnTo>
                  <a:pt x="1392" y="177"/>
                </a:lnTo>
                <a:lnTo>
                  <a:pt x="1445" y="169"/>
                </a:lnTo>
                <a:lnTo>
                  <a:pt x="1499" y="162"/>
                </a:lnTo>
                <a:lnTo>
                  <a:pt x="1545" y="162"/>
                </a:lnTo>
                <a:lnTo>
                  <a:pt x="1599" y="162"/>
                </a:lnTo>
                <a:lnTo>
                  <a:pt x="1653" y="169"/>
                </a:lnTo>
                <a:lnTo>
                  <a:pt x="1707" y="177"/>
                </a:lnTo>
                <a:lnTo>
                  <a:pt x="1753" y="185"/>
                </a:lnTo>
                <a:lnTo>
                  <a:pt x="1807" y="200"/>
                </a:lnTo>
                <a:lnTo>
                  <a:pt x="1861" y="215"/>
                </a:lnTo>
                <a:lnTo>
                  <a:pt x="1914" y="231"/>
                </a:lnTo>
                <a:lnTo>
                  <a:pt x="1961" y="246"/>
                </a:lnTo>
                <a:lnTo>
                  <a:pt x="2014" y="261"/>
                </a:lnTo>
                <a:lnTo>
                  <a:pt x="2068" y="285"/>
                </a:lnTo>
                <a:lnTo>
                  <a:pt x="2114" y="300"/>
                </a:lnTo>
                <a:lnTo>
                  <a:pt x="2168" y="308"/>
                </a:lnTo>
                <a:lnTo>
                  <a:pt x="2222" y="323"/>
                </a:lnTo>
                <a:lnTo>
                  <a:pt x="2276" y="331"/>
                </a:lnTo>
                <a:lnTo>
                  <a:pt x="2322" y="346"/>
                </a:lnTo>
                <a:lnTo>
                  <a:pt x="2376" y="354"/>
                </a:lnTo>
                <a:lnTo>
                  <a:pt x="2429" y="361"/>
                </a:lnTo>
                <a:lnTo>
                  <a:pt x="2483" y="361"/>
                </a:lnTo>
                <a:lnTo>
                  <a:pt x="2529" y="369"/>
                </a:lnTo>
                <a:lnTo>
                  <a:pt x="2583" y="369"/>
                </a:lnTo>
                <a:lnTo>
                  <a:pt x="2637" y="369"/>
                </a:lnTo>
                <a:lnTo>
                  <a:pt x="2683" y="361"/>
                </a:lnTo>
                <a:lnTo>
                  <a:pt x="2737" y="338"/>
                </a:lnTo>
                <a:lnTo>
                  <a:pt x="2791" y="277"/>
                </a:lnTo>
                <a:lnTo>
                  <a:pt x="2845" y="215"/>
                </a:lnTo>
                <a:lnTo>
                  <a:pt x="2891" y="185"/>
                </a:lnTo>
                <a:lnTo>
                  <a:pt x="2945" y="162"/>
                </a:lnTo>
                <a:lnTo>
                  <a:pt x="2998" y="138"/>
                </a:lnTo>
                <a:lnTo>
                  <a:pt x="3052" y="108"/>
                </a:lnTo>
                <a:lnTo>
                  <a:pt x="3098" y="69"/>
                </a:lnTo>
                <a:lnTo>
                  <a:pt x="3152" y="0"/>
                </a:lnTo>
                <a:lnTo>
                  <a:pt x="3206" y="215"/>
                </a:lnTo>
              </a:path>
            </a:pathLst>
          </a:cu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59" name="Freeform 858"/>
          <p:cNvSpPr>
            <a:spLocks/>
          </p:cNvSpPr>
          <p:nvPr/>
        </p:nvSpPr>
        <p:spPr bwMode="auto">
          <a:xfrm>
            <a:off x="2028825" y="4448175"/>
            <a:ext cx="5334000" cy="684213"/>
          </a:xfrm>
          <a:custGeom>
            <a:avLst/>
            <a:gdLst/>
            <a:ahLst/>
            <a:cxnLst>
              <a:cxn ang="0">
                <a:pos x="46" y="423"/>
              </a:cxn>
              <a:cxn ang="0">
                <a:pos x="154" y="423"/>
              </a:cxn>
              <a:cxn ang="0">
                <a:pos x="254" y="415"/>
              </a:cxn>
              <a:cxn ang="0">
                <a:pos x="362" y="415"/>
              </a:cxn>
              <a:cxn ang="0">
                <a:pos x="461" y="408"/>
              </a:cxn>
              <a:cxn ang="0">
                <a:pos x="569" y="400"/>
              </a:cxn>
              <a:cxn ang="0">
                <a:pos x="669" y="385"/>
              </a:cxn>
              <a:cxn ang="0">
                <a:pos x="769" y="369"/>
              </a:cxn>
              <a:cxn ang="0">
                <a:pos x="877" y="354"/>
              </a:cxn>
              <a:cxn ang="0">
                <a:pos x="977" y="331"/>
              </a:cxn>
              <a:cxn ang="0">
                <a:pos x="1084" y="308"/>
              </a:cxn>
              <a:cxn ang="0">
                <a:pos x="1184" y="285"/>
              </a:cxn>
              <a:cxn ang="0">
                <a:pos x="1292" y="262"/>
              </a:cxn>
              <a:cxn ang="0">
                <a:pos x="1392" y="246"/>
              </a:cxn>
              <a:cxn ang="0">
                <a:pos x="1499" y="231"/>
              </a:cxn>
              <a:cxn ang="0">
                <a:pos x="1599" y="231"/>
              </a:cxn>
              <a:cxn ang="0">
                <a:pos x="1707" y="246"/>
              </a:cxn>
              <a:cxn ang="0">
                <a:pos x="1807" y="269"/>
              </a:cxn>
              <a:cxn ang="0">
                <a:pos x="1914" y="300"/>
              </a:cxn>
              <a:cxn ang="0">
                <a:pos x="2014" y="331"/>
              </a:cxn>
              <a:cxn ang="0">
                <a:pos x="2114" y="362"/>
              </a:cxn>
              <a:cxn ang="0">
                <a:pos x="2222" y="385"/>
              </a:cxn>
              <a:cxn ang="0">
                <a:pos x="2322" y="408"/>
              </a:cxn>
              <a:cxn ang="0">
                <a:pos x="2429" y="423"/>
              </a:cxn>
              <a:cxn ang="0">
                <a:pos x="2529" y="431"/>
              </a:cxn>
              <a:cxn ang="0">
                <a:pos x="2637" y="431"/>
              </a:cxn>
              <a:cxn ang="0">
                <a:pos x="2737" y="423"/>
              </a:cxn>
              <a:cxn ang="0">
                <a:pos x="2845" y="408"/>
              </a:cxn>
              <a:cxn ang="0">
                <a:pos x="2945" y="308"/>
              </a:cxn>
              <a:cxn ang="0">
                <a:pos x="3052" y="200"/>
              </a:cxn>
              <a:cxn ang="0">
                <a:pos x="3152" y="146"/>
              </a:cxn>
              <a:cxn ang="0">
                <a:pos x="3260" y="62"/>
              </a:cxn>
              <a:cxn ang="0">
                <a:pos x="3360" y="338"/>
              </a:cxn>
            </a:cxnLst>
            <a:rect l="0" t="0" r="r" b="b"/>
            <a:pathLst>
              <a:path w="3360" h="431">
                <a:moveTo>
                  <a:pt x="0" y="423"/>
                </a:moveTo>
                <a:lnTo>
                  <a:pt x="46" y="423"/>
                </a:lnTo>
                <a:lnTo>
                  <a:pt x="100" y="423"/>
                </a:lnTo>
                <a:lnTo>
                  <a:pt x="154" y="423"/>
                </a:lnTo>
                <a:lnTo>
                  <a:pt x="200" y="415"/>
                </a:lnTo>
                <a:lnTo>
                  <a:pt x="254" y="415"/>
                </a:lnTo>
                <a:lnTo>
                  <a:pt x="308" y="415"/>
                </a:lnTo>
                <a:lnTo>
                  <a:pt x="362" y="415"/>
                </a:lnTo>
                <a:lnTo>
                  <a:pt x="408" y="408"/>
                </a:lnTo>
                <a:lnTo>
                  <a:pt x="461" y="408"/>
                </a:lnTo>
                <a:lnTo>
                  <a:pt x="515" y="400"/>
                </a:lnTo>
                <a:lnTo>
                  <a:pt x="569" y="400"/>
                </a:lnTo>
                <a:lnTo>
                  <a:pt x="615" y="392"/>
                </a:lnTo>
                <a:lnTo>
                  <a:pt x="669" y="385"/>
                </a:lnTo>
                <a:lnTo>
                  <a:pt x="723" y="377"/>
                </a:lnTo>
                <a:lnTo>
                  <a:pt x="769" y="369"/>
                </a:lnTo>
                <a:lnTo>
                  <a:pt x="823" y="362"/>
                </a:lnTo>
                <a:lnTo>
                  <a:pt x="877" y="354"/>
                </a:lnTo>
                <a:lnTo>
                  <a:pt x="930" y="346"/>
                </a:lnTo>
                <a:lnTo>
                  <a:pt x="977" y="331"/>
                </a:lnTo>
                <a:lnTo>
                  <a:pt x="1030" y="323"/>
                </a:lnTo>
                <a:lnTo>
                  <a:pt x="1084" y="308"/>
                </a:lnTo>
                <a:lnTo>
                  <a:pt x="1138" y="300"/>
                </a:lnTo>
                <a:lnTo>
                  <a:pt x="1184" y="285"/>
                </a:lnTo>
                <a:lnTo>
                  <a:pt x="1238" y="269"/>
                </a:lnTo>
                <a:lnTo>
                  <a:pt x="1292" y="262"/>
                </a:lnTo>
                <a:lnTo>
                  <a:pt x="1338" y="254"/>
                </a:lnTo>
                <a:lnTo>
                  <a:pt x="1392" y="246"/>
                </a:lnTo>
                <a:lnTo>
                  <a:pt x="1445" y="239"/>
                </a:lnTo>
                <a:lnTo>
                  <a:pt x="1499" y="231"/>
                </a:lnTo>
                <a:lnTo>
                  <a:pt x="1545" y="231"/>
                </a:lnTo>
                <a:lnTo>
                  <a:pt x="1599" y="231"/>
                </a:lnTo>
                <a:lnTo>
                  <a:pt x="1653" y="239"/>
                </a:lnTo>
                <a:lnTo>
                  <a:pt x="1707" y="246"/>
                </a:lnTo>
                <a:lnTo>
                  <a:pt x="1753" y="254"/>
                </a:lnTo>
                <a:lnTo>
                  <a:pt x="1807" y="269"/>
                </a:lnTo>
                <a:lnTo>
                  <a:pt x="1861" y="285"/>
                </a:lnTo>
                <a:lnTo>
                  <a:pt x="1914" y="300"/>
                </a:lnTo>
                <a:lnTo>
                  <a:pt x="1961" y="315"/>
                </a:lnTo>
                <a:lnTo>
                  <a:pt x="2014" y="331"/>
                </a:lnTo>
                <a:lnTo>
                  <a:pt x="2068" y="346"/>
                </a:lnTo>
                <a:lnTo>
                  <a:pt x="2114" y="362"/>
                </a:lnTo>
                <a:lnTo>
                  <a:pt x="2168" y="377"/>
                </a:lnTo>
                <a:lnTo>
                  <a:pt x="2222" y="385"/>
                </a:lnTo>
                <a:lnTo>
                  <a:pt x="2276" y="400"/>
                </a:lnTo>
                <a:lnTo>
                  <a:pt x="2322" y="408"/>
                </a:lnTo>
                <a:lnTo>
                  <a:pt x="2376" y="415"/>
                </a:lnTo>
                <a:lnTo>
                  <a:pt x="2429" y="423"/>
                </a:lnTo>
                <a:lnTo>
                  <a:pt x="2483" y="423"/>
                </a:lnTo>
                <a:lnTo>
                  <a:pt x="2529" y="431"/>
                </a:lnTo>
                <a:lnTo>
                  <a:pt x="2583" y="431"/>
                </a:lnTo>
                <a:lnTo>
                  <a:pt x="2637" y="431"/>
                </a:lnTo>
                <a:lnTo>
                  <a:pt x="2683" y="431"/>
                </a:lnTo>
                <a:lnTo>
                  <a:pt x="2737" y="423"/>
                </a:lnTo>
                <a:lnTo>
                  <a:pt x="2791" y="423"/>
                </a:lnTo>
                <a:lnTo>
                  <a:pt x="2845" y="408"/>
                </a:lnTo>
                <a:lnTo>
                  <a:pt x="2891" y="377"/>
                </a:lnTo>
                <a:lnTo>
                  <a:pt x="2945" y="308"/>
                </a:lnTo>
                <a:lnTo>
                  <a:pt x="2998" y="239"/>
                </a:lnTo>
                <a:lnTo>
                  <a:pt x="3052" y="200"/>
                </a:lnTo>
                <a:lnTo>
                  <a:pt x="3098" y="177"/>
                </a:lnTo>
                <a:lnTo>
                  <a:pt x="3152" y="146"/>
                </a:lnTo>
                <a:lnTo>
                  <a:pt x="3206" y="108"/>
                </a:lnTo>
                <a:lnTo>
                  <a:pt x="3260" y="62"/>
                </a:lnTo>
                <a:lnTo>
                  <a:pt x="3306" y="0"/>
                </a:lnTo>
                <a:lnTo>
                  <a:pt x="3360" y="338"/>
                </a:lnTo>
              </a:path>
            </a:pathLst>
          </a:cu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60" name="Freeform 860"/>
          <p:cNvSpPr>
            <a:spLocks/>
          </p:cNvSpPr>
          <p:nvPr/>
        </p:nvSpPr>
        <p:spPr bwMode="auto">
          <a:xfrm>
            <a:off x="2028825" y="4729163"/>
            <a:ext cx="5748338" cy="757238"/>
          </a:xfrm>
          <a:custGeom>
            <a:avLst/>
            <a:gdLst/>
            <a:ahLst/>
            <a:cxnLst>
              <a:cxn ang="0">
                <a:pos x="46" y="477"/>
              </a:cxn>
              <a:cxn ang="0">
                <a:pos x="154" y="477"/>
              </a:cxn>
              <a:cxn ang="0">
                <a:pos x="254" y="469"/>
              </a:cxn>
              <a:cxn ang="0">
                <a:pos x="362" y="469"/>
              </a:cxn>
              <a:cxn ang="0">
                <a:pos x="461" y="461"/>
              </a:cxn>
              <a:cxn ang="0">
                <a:pos x="569" y="454"/>
              </a:cxn>
              <a:cxn ang="0">
                <a:pos x="669" y="438"/>
              </a:cxn>
              <a:cxn ang="0">
                <a:pos x="769" y="423"/>
              </a:cxn>
              <a:cxn ang="0">
                <a:pos x="877" y="407"/>
              </a:cxn>
              <a:cxn ang="0">
                <a:pos x="977" y="384"/>
              </a:cxn>
              <a:cxn ang="0">
                <a:pos x="1084" y="361"/>
              </a:cxn>
              <a:cxn ang="0">
                <a:pos x="1184" y="338"/>
              </a:cxn>
              <a:cxn ang="0">
                <a:pos x="1292" y="315"/>
              </a:cxn>
              <a:cxn ang="0">
                <a:pos x="1392" y="292"/>
              </a:cxn>
              <a:cxn ang="0">
                <a:pos x="1499" y="284"/>
              </a:cxn>
              <a:cxn ang="0">
                <a:pos x="1599" y="284"/>
              </a:cxn>
              <a:cxn ang="0">
                <a:pos x="1707" y="292"/>
              </a:cxn>
              <a:cxn ang="0">
                <a:pos x="1807" y="315"/>
              </a:cxn>
              <a:cxn ang="0">
                <a:pos x="1914" y="346"/>
              </a:cxn>
              <a:cxn ang="0">
                <a:pos x="2014" y="377"/>
              </a:cxn>
              <a:cxn ang="0">
                <a:pos x="2114" y="407"/>
              </a:cxn>
              <a:cxn ang="0">
                <a:pos x="2222" y="438"/>
              </a:cxn>
              <a:cxn ang="0">
                <a:pos x="2322" y="454"/>
              </a:cxn>
              <a:cxn ang="0">
                <a:pos x="2429" y="469"/>
              </a:cxn>
              <a:cxn ang="0">
                <a:pos x="2529" y="477"/>
              </a:cxn>
              <a:cxn ang="0">
                <a:pos x="2637" y="477"/>
              </a:cxn>
              <a:cxn ang="0">
                <a:pos x="2737" y="469"/>
              </a:cxn>
              <a:cxn ang="0">
                <a:pos x="2845" y="454"/>
              </a:cxn>
              <a:cxn ang="0">
                <a:pos x="2945" y="438"/>
              </a:cxn>
              <a:cxn ang="0">
                <a:pos x="3052" y="415"/>
              </a:cxn>
              <a:cxn ang="0">
                <a:pos x="3152" y="377"/>
              </a:cxn>
              <a:cxn ang="0">
                <a:pos x="3260" y="238"/>
              </a:cxn>
              <a:cxn ang="0">
                <a:pos x="3360" y="123"/>
              </a:cxn>
              <a:cxn ang="0">
                <a:pos x="3460" y="46"/>
              </a:cxn>
              <a:cxn ang="0">
                <a:pos x="3567" y="0"/>
              </a:cxn>
            </a:cxnLst>
            <a:rect l="0" t="0" r="r" b="b"/>
            <a:pathLst>
              <a:path w="3621" h="477">
                <a:moveTo>
                  <a:pt x="0" y="477"/>
                </a:moveTo>
                <a:lnTo>
                  <a:pt x="46" y="477"/>
                </a:lnTo>
                <a:lnTo>
                  <a:pt x="100" y="477"/>
                </a:lnTo>
                <a:lnTo>
                  <a:pt x="154" y="477"/>
                </a:lnTo>
                <a:lnTo>
                  <a:pt x="200" y="469"/>
                </a:lnTo>
                <a:lnTo>
                  <a:pt x="254" y="469"/>
                </a:lnTo>
                <a:lnTo>
                  <a:pt x="308" y="469"/>
                </a:lnTo>
                <a:lnTo>
                  <a:pt x="362" y="469"/>
                </a:lnTo>
                <a:lnTo>
                  <a:pt x="408" y="461"/>
                </a:lnTo>
                <a:lnTo>
                  <a:pt x="461" y="461"/>
                </a:lnTo>
                <a:lnTo>
                  <a:pt x="515" y="454"/>
                </a:lnTo>
                <a:lnTo>
                  <a:pt x="569" y="454"/>
                </a:lnTo>
                <a:lnTo>
                  <a:pt x="615" y="446"/>
                </a:lnTo>
                <a:lnTo>
                  <a:pt x="669" y="438"/>
                </a:lnTo>
                <a:lnTo>
                  <a:pt x="723" y="431"/>
                </a:lnTo>
                <a:lnTo>
                  <a:pt x="769" y="423"/>
                </a:lnTo>
                <a:lnTo>
                  <a:pt x="823" y="415"/>
                </a:lnTo>
                <a:lnTo>
                  <a:pt x="877" y="407"/>
                </a:lnTo>
                <a:lnTo>
                  <a:pt x="930" y="400"/>
                </a:lnTo>
                <a:lnTo>
                  <a:pt x="977" y="384"/>
                </a:lnTo>
                <a:lnTo>
                  <a:pt x="1030" y="377"/>
                </a:lnTo>
                <a:lnTo>
                  <a:pt x="1084" y="361"/>
                </a:lnTo>
                <a:lnTo>
                  <a:pt x="1138" y="346"/>
                </a:lnTo>
                <a:lnTo>
                  <a:pt x="1184" y="338"/>
                </a:lnTo>
                <a:lnTo>
                  <a:pt x="1238" y="323"/>
                </a:lnTo>
                <a:lnTo>
                  <a:pt x="1292" y="315"/>
                </a:lnTo>
                <a:lnTo>
                  <a:pt x="1338" y="300"/>
                </a:lnTo>
                <a:lnTo>
                  <a:pt x="1392" y="292"/>
                </a:lnTo>
                <a:lnTo>
                  <a:pt x="1445" y="284"/>
                </a:lnTo>
                <a:lnTo>
                  <a:pt x="1499" y="284"/>
                </a:lnTo>
                <a:lnTo>
                  <a:pt x="1545" y="284"/>
                </a:lnTo>
                <a:lnTo>
                  <a:pt x="1599" y="284"/>
                </a:lnTo>
                <a:lnTo>
                  <a:pt x="1653" y="284"/>
                </a:lnTo>
                <a:lnTo>
                  <a:pt x="1707" y="292"/>
                </a:lnTo>
                <a:lnTo>
                  <a:pt x="1753" y="308"/>
                </a:lnTo>
                <a:lnTo>
                  <a:pt x="1807" y="315"/>
                </a:lnTo>
                <a:lnTo>
                  <a:pt x="1861" y="331"/>
                </a:lnTo>
                <a:lnTo>
                  <a:pt x="1914" y="346"/>
                </a:lnTo>
                <a:lnTo>
                  <a:pt x="1961" y="361"/>
                </a:lnTo>
                <a:lnTo>
                  <a:pt x="2014" y="377"/>
                </a:lnTo>
                <a:lnTo>
                  <a:pt x="2068" y="392"/>
                </a:lnTo>
                <a:lnTo>
                  <a:pt x="2114" y="407"/>
                </a:lnTo>
                <a:lnTo>
                  <a:pt x="2168" y="423"/>
                </a:lnTo>
                <a:lnTo>
                  <a:pt x="2222" y="438"/>
                </a:lnTo>
                <a:lnTo>
                  <a:pt x="2276" y="446"/>
                </a:lnTo>
                <a:lnTo>
                  <a:pt x="2322" y="454"/>
                </a:lnTo>
                <a:lnTo>
                  <a:pt x="2376" y="461"/>
                </a:lnTo>
                <a:lnTo>
                  <a:pt x="2429" y="469"/>
                </a:lnTo>
                <a:lnTo>
                  <a:pt x="2483" y="469"/>
                </a:lnTo>
                <a:lnTo>
                  <a:pt x="2529" y="477"/>
                </a:lnTo>
                <a:lnTo>
                  <a:pt x="2583" y="477"/>
                </a:lnTo>
                <a:lnTo>
                  <a:pt x="2637" y="477"/>
                </a:lnTo>
                <a:lnTo>
                  <a:pt x="2683" y="477"/>
                </a:lnTo>
                <a:lnTo>
                  <a:pt x="2737" y="469"/>
                </a:lnTo>
                <a:lnTo>
                  <a:pt x="2791" y="461"/>
                </a:lnTo>
                <a:lnTo>
                  <a:pt x="2845" y="454"/>
                </a:lnTo>
                <a:lnTo>
                  <a:pt x="2891" y="446"/>
                </a:lnTo>
                <a:lnTo>
                  <a:pt x="2945" y="438"/>
                </a:lnTo>
                <a:lnTo>
                  <a:pt x="2998" y="431"/>
                </a:lnTo>
                <a:lnTo>
                  <a:pt x="3052" y="415"/>
                </a:lnTo>
                <a:lnTo>
                  <a:pt x="3098" y="400"/>
                </a:lnTo>
                <a:lnTo>
                  <a:pt x="3152" y="377"/>
                </a:lnTo>
                <a:lnTo>
                  <a:pt x="3206" y="331"/>
                </a:lnTo>
                <a:lnTo>
                  <a:pt x="3260" y="238"/>
                </a:lnTo>
                <a:lnTo>
                  <a:pt x="3306" y="169"/>
                </a:lnTo>
                <a:lnTo>
                  <a:pt x="3360" y="123"/>
                </a:lnTo>
                <a:lnTo>
                  <a:pt x="3413" y="85"/>
                </a:lnTo>
                <a:lnTo>
                  <a:pt x="3460" y="46"/>
                </a:lnTo>
                <a:lnTo>
                  <a:pt x="3513" y="8"/>
                </a:lnTo>
                <a:lnTo>
                  <a:pt x="3567" y="0"/>
                </a:lnTo>
                <a:lnTo>
                  <a:pt x="3621" y="169"/>
                </a:lnTo>
              </a:path>
            </a:pathLst>
          </a:cu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63" name="Freeform 861"/>
          <p:cNvSpPr>
            <a:spLocks/>
          </p:cNvSpPr>
          <p:nvPr/>
        </p:nvSpPr>
        <p:spPr bwMode="auto">
          <a:xfrm>
            <a:off x="2028825" y="4789488"/>
            <a:ext cx="5956300" cy="1330325"/>
          </a:xfrm>
          <a:custGeom>
            <a:avLst/>
            <a:gdLst/>
            <a:ahLst/>
            <a:cxnLst>
              <a:cxn ang="0">
                <a:pos x="46" y="554"/>
              </a:cxn>
              <a:cxn ang="0">
                <a:pos x="154" y="554"/>
              </a:cxn>
              <a:cxn ang="0">
                <a:pos x="254" y="546"/>
              </a:cxn>
              <a:cxn ang="0">
                <a:pos x="362" y="546"/>
              </a:cxn>
              <a:cxn ang="0">
                <a:pos x="461" y="539"/>
              </a:cxn>
              <a:cxn ang="0">
                <a:pos x="569" y="531"/>
              </a:cxn>
              <a:cxn ang="0">
                <a:pos x="669" y="516"/>
              </a:cxn>
              <a:cxn ang="0">
                <a:pos x="769" y="500"/>
              </a:cxn>
              <a:cxn ang="0">
                <a:pos x="877" y="485"/>
              </a:cxn>
              <a:cxn ang="0">
                <a:pos x="977" y="462"/>
              </a:cxn>
              <a:cxn ang="0">
                <a:pos x="1084" y="439"/>
              </a:cxn>
              <a:cxn ang="0">
                <a:pos x="1184" y="416"/>
              </a:cxn>
              <a:cxn ang="0">
                <a:pos x="1292" y="393"/>
              </a:cxn>
              <a:cxn ang="0">
                <a:pos x="1392" y="369"/>
              </a:cxn>
              <a:cxn ang="0">
                <a:pos x="1499" y="362"/>
              </a:cxn>
              <a:cxn ang="0">
                <a:pos x="1599" y="362"/>
              </a:cxn>
              <a:cxn ang="0">
                <a:pos x="1707" y="369"/>
              </a:cxn>
              <a:cxn ang="0">
                <a:pos x="1807" y="393"/>
              </a:cxn>
              <a:cxn ang="0">
                <a:pos x="1914" y="423"/>
              </a:cxn>
              <a:cxn ang="0">
                <a:pos x="2014" y="454"/>
              </a:cxn>
              <a:cxn ang="0">
                <a:pos x="2114" y="485"/>
              </a:cxn>
              <a:cxn ang="0">
                <a:pos x="2222" y="508"/>
              </a:cxn>
              <a:cxn ang="0">
                <a:pos x="2322" y="531"/>
              </a:cxn>
              <a:cxn ang="0">
                <a:pos x="2429" y="539"/>
              </a:cxn>
              <a:cxn ang="0">
                <a:pos x="2529" y="546"/>
              </a:cxn>
              <a:cxn ang="0">
                <a:pos x="2637" y="546"/>
              </a:cxn>
              <a:cxn ang="0">
                <a:pos x="2737" y="546"/>
              </a:cxn>
              <a:cxn ang="0">
                <a:pos x="2845" y="531"/>
              </a:cxn>
              <a:cxn ang="0">
                <a:pos x="2945" y="508"/>
              </a:cxn>
              <a:cxn ang="0">
                <a:pos x="3052" y="485"/>
              </a:cxn>
              <a:cxn ang="0">
                <a:pos x="3152" y="454"/>
              </a:cxn>
              <a:cxn ang="0">
                <a:pos x="3260" y="416"/>
              </a:cxn>
              <a:cxn ang="0">
                <a:pos x="3360" y="323"/>
              </a:cxn>
              <a:cxn ang="0">
                <a:pos x="3460" y="147"/>
              </a:cxn>
              <a:cxn ang="0">
                <a:pos x="3567" y="47"/>
              </a:cxn>
              <a:cxn ang="0">
                <a:pos x="3667" y="85"/>
              </a:cxn>
              <a:cxn ang="0">
                <a:pos x="3752" y="838"/>
              </a:cxn>
            </a:cxnLst>
            <a:rect l="0" t="0" r="r" b="b"/>
            <a:pathLst>
              <a:path w="3752" h="838">
                <a:moveTo>
                  <a:pt x="0" y="554"/>
                </a:moveTo>
                <a:lnTo>
                  <a:pt x="46" y="554"/>
                </a:lnTo>
                <a:lnTo>
                  <a:pt x="100" y="554"/>
                </a:lnTo>
                <a:lnTo>
                  <a:pt x="154" y="554"/>
                </a:lnTo>
                <a:lnTo>
                  <a:pt x="200" y="546"/>
                </a:lnTo>
                <a:lnTo>
                  <a:pt x="254" y="546"/>
                </a:lnTo>
                <a:lnTo>
                  <a:pt x="308" y="546"/>
                </a:lnTo>
                <a:lnTo>
                  <a:pt x="362" y="546"/>
                </a:lnTo>
                <a:lnTo>
                  <a:pt x="408" y="539"/>
                </a:lnTo>
                <a:lnTo>
                  <a:pt x="461" y="539"/>
                </a:lnTo>
                <a:lnTo>
                  <a:pt x="515" y="531"/>
                </a:lnTo>
                <a:lnTo>
                  <a:pt x="569" y="531"/>
                </a:lnTo>
                <a:lnTo>
                  <a:pt x="615" y="523"/>
                </a:lnTo>
                <a:lnTo>
                  <a:pt x="669" y="516"/>
                </a:lnTo>
                <a:lnTo>
                  <a:pt x="723" y="508"/>
                </a:lnTo>
                <a:lnTo>
                  <a:pt x="769" y="500"/>
                </a:lnTo>
                <a:lnTo>
                  <a:pt x="823" y="492"/>
                </a:lnTo>
                <a:lnTo>
                  <a:pt x="877" y="485"/>
                </a:lnTo>
                <a:lnTo>
                  <a:pt x="930" y="477"/>
                </a:lnTo>
                <a:lnTo>
                  <a:pt x="977" y="462"/>
                </a:lnTo>
                <a:lnTo>
                  <a:pt x="1030" y="454"/>
                </a:lnTo>
                <a:lnTo>
                  <a:pt x="1084" y="439"/>
                </a:lnTo>
                <a:lnTo>
                  <a:pt x="1138" y="423"/>
                </a:lnTo>
                <a:lnTo>
                  <a:pt x="1184" y="416"/>
                </a:lnTo>
                <a:lnTo>
                  <a:pt x="1238" y="400"/>
                </a:lnTo>
                <a:lnTo>
                  <a:pt x="1292" y="393"/>
                </a:lnTo>
                <a:lnTo>
                  <a:pt x="1338" y="377"/>
                </a:lnTo>
                <a:lnTo>
                  <a:pt x="1392" y="369"/>
                </a:lnTo>
                <a:lnTo>
                  <a:pt x="1445" y="362"/>
                </a:lnTo>
                <a:lnTo>
                  <a:pt x="1499" y="362"/>
                </a:lnTo>
                <a:lnTo>
                  <a:pt x="1545" y="354"/>
                </a:lnTo>
                <a:lnTo>
                  <a:pt x="1599" y="362"/>
                </a:lnTo>
                <a:lnTo>
                  <a:pt x="1653" y="362"/>
                </a:lnTo>
                <a:lnTo>
                  <a:pt x="1707" y="369"/>
                </a:lnTo>
                <a:lnTo>
                  <a:pt x="1753" y="377"/>
                </a:lnTo>
                <a:lnTo>
                  <a:pt x="1807" y="393"/>
                </a:lnTo>
                <a:lnTo>
                  <a:pt x="1861" y="408"/>
                </a:lnTo>
                <a:lnTo>
                  <a:pt x="1914" y="423"/>
                </a:lnTo>
                <a:lnTo>
                  <a:pt x="1961" y="439"/>
                </a:lnTo>
                <a:lnTo>
                  <a:pt x="2014" y="454"/>
                </a:lnTo>
                <a:lnTo>
                  <a:pt x="2068" y="469"/>
                </a:lnTo>
                <a:lnTo>
                  <a:pt x="2114" y="485"/>
                </a:lnTo>
                <a:lnTo>
                  <a:pt x="2168" y="500"/>
                </a:lnTo>
                <a:lnTo>
                  <a:pt x="2222" y="508"/>
                </a:lnTo>
                <a:lnTo>
                  <a:pt x="2276" y="523"/>
                </a:lnTo>
                <a:lnTo>
                  <a:pt x="2322" y="531"/>
                </a:lnTo>
                <a:lnTo>
                  <a:pt x="2376" y="539"/>
                </a:lnTo>
                <a:lnTo>
                  <a:pt x="2429" y="539"/>
                </a:lnTo>
                <a:lnTo>
                  <a:pt x="2483" y="546"/>
                </a:lnTo>
                <a:lnTo>
                  <a:pt x="2529" y="546"/>
                </a:lnTo>
                <a:lnTo>
                  <a:pt x="2583" y="546"/>
                </a:lnTo>
                <a:lnTo>
                  <a:pt x="2637" y="546"/>
                </a:lnTo>
                <a:lnTo>
                  <a:pt x="2683" y="546"/>
                </a:lnTo>
                <a:lnTo>
                  <a:pt x="2737" y="546"/>
                </a:lnTo>
                <a:lnTo>
                  <a:pt x="2791" y="539"/>
                </a:lnTo>
                <a:lnTo>
                  <a:pt x="2845" y="531"/>
                </a:lnTo>
                <a:lnTo>
                  <a:pt x="2891" y="523"/>
                </a:lnTo>
                <a:lnTo>
                  <a:pt x="2945" y="508"/>
                </a:lnTo>
                <a:lnTo>
                  <a:pt x="2998" y="500"/>
                </a:lnTo>
                <a:lnTo>
                  <a:pt x="3052" y="485"/>
                </a:lnTo>
                <a:lnTo>
                  <a:pt x="3098" y="469"/>
                </a:lnTo>
                <a:lnTo>
                  <a:pt x="3152" y="454"/>
                </a:lnTo>
                <a:lnTo>
                  <a:pt x="3206" y="431"/>
                </a:lnTo>
                <a:lnTo>
                  <a:pt x="3260" y="416"/>
                </a:lnTo>
                <a:lnTo>
                  <a:pt x="3306" y="385"/>
                </a:lnTo>
                <a:lnTo>
                  <a:pt x="3360" y="323"/>
                </a:lnTo>
                <a:lnTo>
                  <a:pt x="3413" y="223"/>
                </a:lnTo>
                <a:lnTo>
                  <a:pt x="3460" y="147"/>
                </a:lnTo>
                <a:lnTo>
                  <a:pt x="3513" y="100"/>
                </a:lnTo>
                <a:lnTo>
                  <a:pt x="3567" y="47"/>
                </a:lnTo>
                <a:lnTo>
                  <a:pt x="3621" y="0"/>
                </a:lnTo>
                <a:lnTo>
                  <a:pt x="3667" y="85"/>
                </a:lnTo>
                <a:lnTo>
                  <a:pt x="3721" y="400"/>
                </a:lnTo>
                <a:lnTo>
                  <a:pt x="3752" y="838"/>
                </a:lnTo>
              </a:path>
            </a:pathLst>
          </a:cu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64" name="Freeform 862"/>
          <p:cNvSpPr>
            <a:spLocks/>
          </p:cNvSpPr>
          <p:nvPr/>
        </p:nvSpPr>
        <p:spPr bwMode="auto">
          <a:xfrm>
            <a:off x="2028825" y="4827588"/>
            <a:ext cx="6042025" cy="1292225"/>
          </a:xfrm>
          <a:custGeom>
            <a:avLst/>
            <a:gdLst/>
            <a:ahLst/>
            <a:cxnLst>
              <a:cxn ang="0">
                <a:pos x="46" y="645"/>
              </a:cxn>
              <a:cxn ang="0">
                <a:pos x="154" y="645"/>
              </a:cxn>
              <a:cxn ang="0">
                <a:pos x="254" y="638"/>
              </a:cxn>
              <a:cxn ang="0">
                <a:pos x="362" y="638"/>
              </a:cxn>
              <a:cxn ang="0">
                <a:pos x="461" y="630"/>
              </a:cxn>
              <a:cxn ang="0">
                <a:pos x="569" y="622"/>
              </a:cxn>
              <a:cxn ang="0">
                <a:pos x="669" y="607"/>
              </a:cxn>
              <a:cxn ang="0">
                <a:pos x="769" y="591"/>
              </a:cxn>
              <a:cxn ang="0">
                <a:pos x="877" y="576"/>
              </a:cxn>
              <a:cxn ang="0">
                <a:pos x="977" y="553"/>
              </a:cxn>
              <a:cxn ang="0">
                <a:pos x="1084" y="530"/>
              </a:cxn>
              <a:cxn ang="0">
                <a:pos x="1184" y="507"/>
              </a:cxn>
              <a:cxn ang="0">
                <a:pos x="1292" y="484"/>
              </a:cxn>
              <a:cxn ang="0">
                <a:pos x="1392" y="461"/>
              </a:cxn>
              <a:cxn ang="0">
                <a:pos x="1499" y="453"/>
              </a:cxn>
              <a:cxn ang="0">
                <a:pos x="1599" y="445"/>
              </a:cxn>
              <a:cxn ang="0">
                <a:pos x="1707" y="461"/>
              </a:cxn>
              <a:cxn ang="0">
                <a:pos x="1807" y="484"/>
              </a:cxn>
              <a:cxn ang="0">
                <a:pos x="1914" y="515"/>
              </a:cxn>
              <a:cxn ang="0">
                <a:pos x="2014" y="545"/>
              </a:cxn>
              <a:cxn ang="0">
                <a:pos x="2114" y="576"/>
              </a:cxn>
              <a:cxn ang="0">
                <a:pos x="2222" y="599"/>
              </a:cxn>
              <a:cxn ang="0">
                <a:pos x="2322" y="615"/>
              </a:cxn>
              <a:cxn ang="0">
                <a:pos x="2429" y="630"/>
              </a:cxn>
              <a:cxn ang="0">
                <a:pos x="2529" y="638"/>
              </a:cxn>
              <a:cxn ang="0">
                <a:pos x="2637" y="638"/>
              </a:cxn>
              <a:cxn ang="0">
                <a:pos x="2737" y="630"/>
              </a:cxn>
              <a:cxn ang="0">
                <a:pos x="2845" y="615"/>
              </a:cxn>
              <a:cxn ang="0">
                <a:pos x="2945" y="599"/>
              </a:cxn>
              <a:cxn ang="0">
                <a:pos x="3052" y="576"/>
              </a:cxn>
              <a:cxn ang="0">
                <a:pos x="3152" y="538"/>
              </a:cxn>
              <a:cxn ang="0">
                <a:pos x="3260" y="499"/>
              </a:cxn>
              <a:cxn ang="0">
                <a:pos x="3360" y="445"/>
              </a:cxn>
              <a:cxn ang="0">
                <a:pos x="3460" y="376"/>
              </a:cxn>
              <a:cxn ang="0">
                <a:pos x="3567" y="192"/>
              </a:cxn>
              <a:cxn ang="0">
                <a:pos x="3667" y="0"/>
              </a:cxn>
              <a:cxn ang="0">
                <a:pos x="3775" y="545"/>
              </a:cxn>
            </a:cxnLst>
            <a:rect l="0" t="0" r="r" b="b"/>
            <a:pathLst>
              <a:path w="3806" h="814">
                <a:moveTo>
                  <a:pt x="0" y="645"/>
                </a:moveTo>
                <a:lnTo>
                  <a:pt x="46" y="645"/>
                </a:lnTo>
                <a:lnTo>
                  <a:pt x="100" y="645"/>
                </a:lnTo>
                <a:lnTo>
                  <a:pt x="154" y="645"/>
                </a:lnTo>
                <a:lnTo>
                  <a:pt x="200" y="638"/>
                </a:lnTo>
                <a:lnTo>
                  <a:pt x="254" y="638"/>
                </a:lnTo>
                <a:lnTo>
                  <a:pt x="308" y="638"/>
                </a:lnTo>
                <a:lnTo>
                  <a:pt x="362" y="638"/>
                </a:lnTo>
                <a:lnTo>
                  <a:pt x="408" y="630"/>
                </a:lnTo>
                <a:lnTo>
                  <a:pt x="461" y="630"/>
                </a:lnTo>
                <a:lnTo>
                  <a:pt x="515" y="622"/>
                </a:lnTo>
                <a:lnTo>
                  <a:pt x="569" y="622"/>
                </a:lnTo>
                <a:lnTo>
                  <a:pt x="615" y="615"/>
                </a:lnTo>
                <a:lnTo>
                  <a:pt x="669" y="607"/>
                </a:lnTo>
                <a:lnTo>
                  <a:pt x="723" y="599"/>
                </a:lnTo>
                <a:lnTo>
                  <a:pt x="769" y="591"/>
                </a:lnTo>
                <a:lnTo>
                  <a:pt x="823" y="584"/>
                </a:lnTo>
                <a:lnTo>
                  <a:pt x="877" y="576"/>
                </a:lnTo>
                <a:lnTo>
                  <a:pt x="930" y="568"/>
                </a:lnTo>
                <a:lnTo>
                  <a:pt x="977" y="553"/>
                </a:lnTo>
                <a:lnTo>
                  <a:pt x="1030" y="545"/>
                </a:lnTo>
                <a:lnTo>
                  <a:pt x="1084" y="530"/>
                </a:lnTo>
                <a:lnTo>
                  <a:pt x="1138" y="515"/>
                </a:lnTo>
                <a:lnTo>
                  <a:pt x="1184" y="507"/>
                </a:lnTo>
                <a:lnTo>
                  <a:pt x="1238" y="492"/>
                </a:lnTo>
                <a:lnTo>
                  <a:pt x="1292" y="484"/>
                </a:lnTo>
                <a:lnTo>
                  <a:pt x="1338" y="468"/>
                </a:lnTo>
                <a:lnTo>
                  <a:pt x="1392" y="461"/>
                </a:lnTo>
                <a:lnTo>
                  <a:pt x="1445" y="453"/>
                </a:lnTo>
                <a:lnTo>
                  <a:pt x="1499" y="453"/>
                </a:lnTo>
                <a:lnTo>
                  <a:pt x="1545" y="445"/>
                </a:lnTo>
                <a:lnTo>
                  <a:pt x="1599" y="445"/>
                </a:lnTo>
                <a:lnTo>
                  <a:pt x="1653" y="453"/>
                </a:lnTo>
                <a:lnTo>
                  <a:pt x="1707" y="461"/>
                </a:lnTo>
                <a:lnTo>
                  <a:pt x="1753" y="468"/>
                </a:lnTo>
                <a:lnTo>
                  <a:pt x="1807" y="484"/>
                </a:lnTo>
                <a:lnTo>
                  <a:pt x="1861" y="499"/>
                </a:lnTo>
                <a:lnTo>
                  <a:pt x="1914" y="515"/>
                </a:lnTo>
                <a:lnTo>
                  <a:pt x="1961" y="530"/>
                </a:lnTo>
                <a:lnTo>
                  <a:pt x="2014" y="545"/>
                </a:lnTo>
                <a:lnTo>
                  <a:pt x="2068" y="561"/>
                </a:lnTo>
                <a:lnTo>
                  <a:pt x="2114" y="576"/>
                </a:lnTo>
                <a:lnTo>
                  <a:pt x="2168" y="584"/>
                </a:lnTo>
                <a:lnTo>
                  <a:pt x="2222" y="599"/>
                </a:lnTo>
                <a:lnTo>
                  <a:pt x="2276" y="607"/>
                </a:lnTo>
                <a:lnTo>
                  <a:pt x="2322" y="615"/>
                </a:lnTo>
                <a:lnTo>
                  <a:pt x="2376" y="622"/>
                </a:lnTo>
                <a:lnTo>
                  <a:pt x="2429" y="630"/>
                </a:lnTo>
                <a:lnTo>
                  <a:pt x="2483" y="638"/>
                </a:lnTo>
                <a:lnTo>
                  <a:pt x="2529" y="638"/>
                </a:lnTo>
                <a:lnTo>
                  <a:pt x="2583" y="638"/>
                </a:lnTo>
                <a:lnTo>
                  <a:pt x="2637" y="638"/>
                </a:lnTo>
                <a:lnTo>
                  <a:pt x="2683" y="638"/>
                </a:lnTo>
                <a:lnTo>
                  <a:pt x="2737" y="630"/>
                </a:lnTo>
                <a:lnTo>
                  <a:pt x="2791" y="622"/>
                </a:lnTo>
                <a:lnTo>
                  <a:pt x="2845" y="615"/>
                </a:lnTo>
                <a:lnTo>
                  <a:pt x="2891" y="607"/>
                </a:lnTo>
                <a:lnTo>
                  <a:pt x="2945" y="599"/>
                </a:lnTo>
                <a:lnTo>
                  <a:pt x="2998" y="584"/>
                </a:lnTo>
                <a:lnTo>
                  <a:pt x="3052" y="576"/>
                </a:lnTo>
                <a:lnTo>
                  <a:pt x="3098" y="561"/>
                </a:lnTo>
                <a:lnTo>
                  <a:pt x="3152" y="538"/>
                </a:lnTo>
                <a:lnTo>
                  <a:pt x="3206" y="522"/>
                </a:lnTo>
                <a:lnTo>
                  <a:pt x="3260" y="499"/>
                </a:lnTo>
                <a:lnTo>
                  <a:pt x="3306" y="476"/>
                </a:lnTo>
                <a:lnTo>
                  <a:pt x="3360" y="445"/>
                </a:lnTo>
                <a:lnTo>
                  <a:pt x="3413" y="415"/>
                </a:lnTo>
                <a:lnTo>
                  <a:pt x="3460" y="376"/>
                </a:lnTo>
                <a:lnTo>
                  <a:pt x="3513" y="299"/>
                </a:lnTo>
                <a:lnTo>
                  <a:pt x="3567" y="192"/>
                </a:lnTo>
                <a:lnTo>
                  <a:pt x="3621" y="69"/>
                </a:lnTo>
                <a:lnTo>
                  <a:pt x="3667" y="0"/>
                </a:lnTo>
                <a:lnTo>
                  <a:pt x="3721" y="123"/>
                </a:lnTo>
                <a:lnTo>
                  <a:pt x="3775" y="545"/>
                </a:lnTo>
                <a:lnTo>
                  <a:pt x="3806" y="814"/>
                </a:lnTo>
              </a:path>
            </a:pathLst>
          </a:cu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3" name="TextBox 2"/>
          <p:cNvSpPr txBox="1"/>
          <p:nvPr/>
        </p:nvSpPr>
        <p:spPr>
          <a:xfrm>
            <a:off x="4516396" y="6579093"/>
            <a:ext cx="3663311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i="1" dirty="0"/>
              <a:t>Andersen and Pedersen, Proc. Roy. Soc. London B (2010)</a:t>
            </a:r>
          </a:p>
        </p:txBody>
      </p:sp>
      <p:pic>
        <p:nvPicPr>
          <p:cNvPr id="266" name="Picture 265" descr="Herring.png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51374" y="3887056"/>
            <a:ext cx="1676288" cy="609559"/>
          </a:xfrm>
          <a:prstGeom prst="rect">
            <a:avLst/>
          </a:prstGeom>
          <a:effectLst>
            <a:glow rad="228600">
              <a:schemeClr val="accent2">
                <a:satMod val="175000"/>
                <a:alpha val="40000"/>
              </a:schemeClr>
            </a:glow>
          </a:effectLst>
        </p:spPr>
      </p:pic>
      <p:pic>
        <p:nvPicPr>
          <p:cNvPr id="267" name="Picture 266" descr="Sprat.png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48289" y="2829099"/>
            <a:ext cx="671153" cy="271317"/>
          </a:xfrm>
          <a:prstGeom prst="rect">
            <a:avLst/>
          </a:prstGeom>
          <a:effectLst>
            <a:glow rad="228600">
              <a:schemeClr val="accent1">
                <a:satMod val="175000"/>
                <a:alpha val="40000"/>
              </a:schemeClr>
            </a:glow>
          </a:effectLst>
        </p:spPr>
      </p:pic>
      <p:pic>
        <p:nvPicPr>
          <p:cNvPr id="268" name="Picture 267" descr="Cod2.gif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08377" y="4987401"/>
            <a:ext cx="3127611" cy="1287840"/>
          </a:xfrm>
          <a:prstGeom prst="rect">
            <a:avLst/>
          </a:prstGeom>
          <a:effectLst>
            <a:glow rad="228600">
              <a:schemeClr val="tx1">
                <a:alpha val="40000"/>
              </a:schemeClr>
            </a:glow>
          </a:effectLst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id="{0DC31635-F174-824B-9854-E9C62A5E00EA}"/>
              </a:ext>
            </a:extLst>
          </p:cNvPr>
          <p:cNvGrpSpPr/>
          <p:nvPr/>
        </p:nvGrpSpPr>
        <p:grpSpPr>
          <a:xfrm>
            <a:off x="4196482" y="2131987"/>
            <a:ext cx="1844391" cy="847517"/>
            <a:chOff x="4196482" y="2131987"/>
            <a:chExt cx="1844391" cy="847517"/>
          </a:xfrm>
        </p:grpSpPr>
        <p:sp>
          <p:nvSpPr>
            <p:cNvPr id="262" name="TextBox 261"/>
            <p:cNvSpPr txBox="1"/>
            <p:nvPr/>
          </p:nvSpPr>
          <p:spPr>
            <a:xfrm rot="2170305">
              <a:off x="4990633" y="2131987"/>
              <a:ext cx="676595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da-DK" dirty="0"/>
                <a:t>Food</a:t>
              </a:r>
            </a:p>
          </p:txBody>
        </p:sp>
        <p:sp>
          <p:nvSpPr>
            <p:cNvPr id="291" name="AutoShape 21">
              <a:extLst>
                <a:ext uri="{FF2B5EF4-FFF2-40B4-BE49-F238E27FC236}">
                  <a16:creationId xmlns:a16="http://schemas.microsoft.com/office/drawing/2014/main" id="{7469F5F8-AC12-5445-9B5F-562A2F053A20}"/>
                </a:ext>
              </a:extLst>
            </p:cNvPr>
            <p:cNvSpPr>
              <a:spLocks noChangeArrowheads="1"/>
            </p:cNvSpPr>
            <p:nvPr/>
          </p:nvSpPr>
          <p:spPr bwMode="auto">
            <a:xfrm rot="2408213">
              <a:off x="4196482" y="2460499"/>
              <a:ext cx="1844391" cy="519005"/>
            </a:xfrm>
            <a:prstGeom prst="curvedDownArrow">
              <a:avLst>
                <a:gd name="adj1" fmla="val 18071"/>
                <a:gd name="adj2" fmla="val 43950"/>
                <a:gd name="adj3" fmla="val 41926"/>
              </a:avLst>
            </a:prstGeom>
            <a:solidFill>
              <a:schemeClr val="tx1"/>
            </a:solidFill>
            <a:ln w="9525">
              <a:noFill/>
              <a:miter lim="800000"/>
              <a:headEnd/>
              <a:tailEnd/>
            </a:ln>
          </p:spPr>
          <p:txBody>
            <a:bodyPr wrap="none" anchor="ctr"/>
            <a:lstStyle/>
            <a:p>
              <a:endParaRPr lang="da-DK">
                <a:latin typeface="Calibri" pitchFamily="34" charset="0"/>
              </a:endParaRPr>
            </a:p>
          </p:txBody>
        </p:sp>
      </p:grpSp>
      <p:grpSp>
        <p:nvGrpSpPr>
          <p:cNvPr id="4" name="Group 3">
            <a:extLst>
              <a:ext uri="{FF2B5EF4-FFF2-40B4-BE49-F238E27FC236}">
                <a16:creationId xmlns:a16="http://schemas.microsoft.com/office/drawing/2014/main" id="{6BB8CD80-1E2E-AB49-A41E-9B58E69FE26A}"/>
              </a:ext>
            </a:extLst>
          </p:cNvPr>
          <p:cNvGrpSpPr/>
          <p:nvPr/>
        </p:nvGrpSpPr>
        <p:grpSpPr>
          <a:xfrm>
            <a:off x="5715109" y="3171360"/>
            <a:ext cx="1663848" cy="754520"/>
            <a:chOff x="5715109" y="3171360"/>
            <a:chExt cx="1663848" cy="754520"/>
          </a:xfrm>
        </p:grpSpPr>
        <p:sp>
          <p:nvSpPr>
            <p:cNvPr id="287" name="TextBox 286">
              <a:extLst>
                <a:ext uri="{FF2B5EF4-FFF2-40B4-BE49-F238E27FC236}">
                  <a16:creationId xmlns:a16="http://schemas.microsoft.com/office/drawing/2014/main" id="{11FB6744-F934-F849-A36F-085943DD2305}"/>
                </a:ext>
              </a:extLst>
            </p:cNvPr>
            <p:cNvSpPr txBox="1"/>
            <p:nvPr/>
          </p:nvSpPr>
          <p:spPr>
            <a:xfrm rot="1841963">
              <a:off x="6222743" y="3171360"/>
              <a:ext cx="1156214" cy="400110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2000" dirty="0">
                  <a:solidFill>
                    <a:srgbClr val="C00000"/>
                  </a:solidFill>
                </a:rPr>
                <a:t>Mortality</a:t>
              </a:r>
            </a:p>
          </p:txBody>
        </p:sp>
        <p:sp>
          <p:nvSpPr>
            <p:cNvPr id="292" name="AutoShape 21">
              <a:extLst>
                <a:ext uri="{FF2B5EF4-FFF2-40B4-BE49-F238E27FC236}">
                  <a16:creationId xmlns:a16="http://schemas.microsoft.com/office/drawing/2014/main" id="{85765B64-5FB8-BE4D-8C00-56557E044602}"/>
                </a:ext>
              </a:extLst>
            </p:cNvPr>
            <p:cNvSpPr>
              <a:spLocks noChangeArrowheads="1"/>
            </p:cNvSpPr>
            <p:nvPr/>
          </p:nvSpPr>
          <p:spPr bwMode="auto">
            <a:xfrm rot="1231438" flipH="1">
              <a:off x="5715109" y="3414171"/>
              <a:ext cx="1615374" cy="511709"/>
            </a:xfrm>
            <a:prstGeom prst="curvedDownArrow">
              <a:avLst>
                <a:gd name="adj1" fmla="val 18071"/>
                <a:gd name="adj2" fmla="val 43950"/>
                <a:gd name="adj3" fmla="val 32567"/>
              </a:avLst>
            </a:prstGeom>
            <a:solidFill>
              <a:srgbClr val="C00000"/>
            </a:solidFill>
            <a:ln w="9525">
              <a:noFill/>
              <a:miter lim="800000"/>
              <a:headEnd/>
              <a:tailEnd/>
            </a:ln>
          </p:spPr>
          <p:txBody>
            <a:bodyPr wrap="none" anchor="ctr"/>
            <a:lstStyle/>
            <a:p>
              <a:endParaRPr lang="da-DK">
                <a:latin typeface="Calibri" pitchFamily="34" charset="0"/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61142337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10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2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30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4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50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60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70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8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90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110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12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1" presetClass="entr" presetSubtype="0" fill="hold" grpId="0" nodeType="withEffect">
                                  <p:stCondLst>
                                    <p:cond delay="130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1" presetClass="entr" presetSubtype="0" fill="hold" grpId="0" nodeType="withEffect">
                                  <p:stCondLst>
                                    <p:cond delay="14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grpId="0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grpId="0" nodeType="withEffect">
                                  <p:stCondLst>
                                    <p:cond delay="160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grpId="0" nodeType="withEffect">
                                  <p:stCondLst>
                                    <p:cond delay="170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grpId="0" nodeType="withEffect">
                                  <p:stCondLst>
                                    <p:cond delay="180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190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5" presetID="1" presetClass="entr" presetSubtype="0" fill="hold" nodeType="withEffect">
                                  <p:stCondLst>
                                    <p:cond delay="40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" presetClass="entr" presetSubtype="0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nodeType="withEffect">
                                  <p:stCondLst>
                                    <p:cond delay="150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1" fill="hold">
                      <p:stCondLst>
                        <p:cond delay="indefinite"/>
                      </p:stCondLst>
                      <p:childTnLst>
                        <p:par>
                          <p:cTn id="52" fill="hold">
                            <p:stCondLst>
                              <p:cond delay="0"/>
                            </p:stCondLst>
                            <p:childTnLst>
                              <p:par>
                                <p:cTn id="5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5" fill="hold">
                      <p:stCondLst>
                        <p:cond delay="indefinite"/>
                      </p:stCondLst>
                      <p:childTnLst>
                        <p:par>
                          <p:cTn id="56" fill="hold">
                            <p:stCondLst>
                              <p:cond delay="0"/>
                            </p:stCondLst>
                            <p:childTnLst>
                              <p:par>
                                <p:cTn id="5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40" grpId="0" animBg="1"/>
      <p:bldP spid="241" grpId="0" animBg="1"/>
      <p:bldP spid="243" grpId="0" animBg="1"/>
      <p:bldP spid="245" grpId="0" animBg="1"/>
      <p:bldP spid="247" grpId="0" animBg="1"/>
      <p:bldP spid="248" grpId="0" animBg="1"/>
      <p:bldP spid="249" grpId="0" animBg="1"/>
      <p:bldP spid="250" grpId="0" animBg="1"/>
      <p:bldP spid="251" grpId="0" animBg="1"/>
      <p:bldP spid="252" grpId="0" animBg="1"/>
      <p:bldP spid="253" grpId="0" animBg="1"/>
      <p:bldP spid="254" grpId="0" animBg="1"/>
      <p:bldP spid="255" grpId="0" animBg="1"/>
      <p:bldP spid="256" grpId="0" animBg="1"/>
      <p:bldP spid="257" grpId="0" animBg="1"/>
      <p:bldP spid="258" grpId="0" animBg="1"/>
      <p:bldP spid="259" grpId="0" animBg="1"/>
      <p:bldP spid="260" grpId="0" animBg="1"/>
      <p:bldP spid="263" grpId="0" animBg="1"/>
      <p:bldP spid="264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918"/>
          <p:cNvGrpSpPr/>
          <p:nvPr/>
        </p:nvGrpSpPr>
        <p:grpSpPr>
          <a:xfrm>
            <a:off x="6172200" y="1447800"/>
            <a:ext cx="2095500" cy="4648200"/>
            <a:chOff x="6172200" y="711200"/>
            <a:chExt cx="2095500" cy="5384800"/>
          </a:xfrm>
          <a:solidFill>
            <a:srgbClr val="00B0F0"/>
          </a:solidFill>
        </p:grpSpPr>
        <p:sp>
          <p:nvSpPr>
            <p:cNvPr id="917" name="Rectangle 916"/>
            <p:cNvSpPr/>
            <p:nvPr/>
          </p:nvSpPr>
          <p:spPr>
            <a:xfrm>
              <a:off x="6172200" y="711200"/>
              <a:ext cx="2095500" cy="5384800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918" name="TextBox 917"/>
            <p:cNvSpPr txBox="1"/>
            <p:nvPr/>
          </p:nvSpPr>
          <p:spPr>
            <a:xfrm>
              <a:off x="6629400" y="2514599"/>
              <a:ext cx="1272103" cy="534825"/>
            </a:xfrm>
            <a:prstGeom prst="rect">
              <a:avLst/>
            </a:prstGeom>
            <a:grpFill/>
          </p:spPr>
          <p:txBody>
            <a:bodyPr wrap="none" rtlCol="0">
              <a:spAutoFit/>
            </a:bodyPr>
            <a:lstStyle/>
            <a:p>
              <a:r>
                <a:rPr lang="da-DK" sz="2400" dirty="0"/>
                <a:t>Fishing</a:t>
              </a:r>
            </a:p>
          </p:txBody>
        </p:sp>
      </p:grpSp>
      <p:sp>
        <p:nvSpPr>
          <p:cNvPr id="17854" name="Line 446"/>
          <p:cNvSpPr>
            <a:spLocks noChangeShapeType="1"/>
          </p:cNvSpPr>
          <p:nvPr/>
        </p:nvSpPr>
        <p:spPr bwMode="auto">
          <a:xfrm>
            <a:off x="992188" y="6108701"/>
            <a:ext cx="72612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56" name="Line 448"/>
          <p:cNvSpPr>
            <a:spLocks noChangeShapeType="1"/>
          </p:cNvSpPr>
          <p:nvPr/>
        </p:nvSpPr>
        <p:spPr bwMode="auto">
          <a:xfrm flipV="1">
            <a:off x="992188" y="373063"/>
            <a:ext cx="1588" cy="573563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57" name="Line 449"/>
          <p:cNvSpPr>
            <a:spLocks noChangeShapeType="1"/>
          </p:cNvSpPr>
          <p:nvPr/>
        </p:nvSpPr>
        <p:spPr bwMode="auto">
          <a:xfrm>
            <a:off x="992188" y="6108701"/>
            <a:ext cx="72612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58" name="Line 450"/>
          <p:cNvSpPr>
            <a:spLocks noChangeShapeType="1"/>
          </p:cNvSpPr>
          <p:nvPr/>
        </p:nvSpPr>
        <p:spPr bwMode="auto">
          <a:xfrm flipV="1">
            <a:off x="992188" y="373063"/>
            <a:ext cx="1588" cy="573563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59" name="Line 451"/>
          <p:cNvSpPr>
            <a:spLocks noChangeShapeType="1"/>
          </p:cNvSpPr>
          <p:nvPr/>
        </p:nvSpPr>
        <p:spPr bwMode="auto">
          <a:xfrm flipV="1">
            <a:off x="99218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60" name="Line 452"/>
          <p:cNvSpPr>
            <a:spLocks noChangeShapeType="1"/>
          </p:cNvSpPr>
          <p:nvPr/>
        </p:nvSpPr>
        <p:spPr bwMode="auto">
          <a:xfrm>
            <a:off x="992188" y="373063"/>
            <a:ext cx="1588" cy="238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61" name="Line 453"/>
          <p:cNvSpPr>
            <a:spLocks noChangeShapeType="1"/>
          </p:cNvSpPr>
          <p:nvPr/>
        </p:nvSpPr>
        <p:spPr bwMode="auto">
          <a:xfrm flipV="1">
            <a:off x="992188" y="6035676"/>
            <a:ext cx="1588" cy="73025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62" name="Line 454"/>
          <p:cNvSpPr>
            <a:spLocks noChangeShapeType="1"/>
          </p:cNvSpPr>
          <p:nvPr/>
        </p:nvSpPr>
        <p:spPr bwMode="auto">
          <a:xfrm>
            <a:off x="992188" y="373063"/>
            <a:ext cx="1588" cy="60325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65" name="Line 457"/>
          <p:cNvSpPr>
            <a:spLocks noChangeShapeType="1"/>
          </p:cNvSpPr>
          <p:nvPr/>
        </p:nvSpPr>
        <p:spPr bwMode="auto">
          <a:xfrm flipV="1">
            <a:off x="129698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67" name="Line 459"/>
          <p:cNvSpPr>
            <a:spLocks noChangeShapeType="1"/>
          </p:cNvSpPr>
          <p:nvPr/>
        </p:nvSpPr>
        <p:spPr bwMode="auto">
          <a:xfrm flipV="1">
            <a:off x="147955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69" name="Line 461"/>
          <p:cNvSpPr>
            <a:spLocks noChangeShapeType="1"/>
          </p:cNvSpPr>
          <p:nvPr/>
        </p:nvSpPr>
        <p:spPr bwMode="auto">
          <a:xfrm flipV="1">
            <a:off x="161448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71" name="Line 463"/>
          <p:cNvSpPr>
            <a:spLocks noChangeShapeType="1"/>
          </p:cNvSpPr>
          <p:nvPr/>
        </p:nvSpPr>
        <p:spPr bwMode="auto">
          <a:xfrm flipV="1">
            <a:off x="171132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73" name="Line 465"/>
          <p:cNvSpPr>
            <a:spLocks noChangeShapeType="1"/>
          </p:cNvSpPr>
          <p:nvPr/>
        </p:nvSpPr>
        <p:spPr bwMode="auto">
          <a:xfrm flipV="1">
            <a:off x="179705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75" name="Line 467"/>
          <p:cNvSpPr>
            <a:spLocks noChangeShapeType="1"/>
          </p:cNvSpPr>
          <p:nvPr/>
        </p:nvSpPr>
        <p:spPr bwMode="auto">
          <a:xfrm flipV="1">
            <a:off x="185896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77" name="Line 469"/>
          <p:cNvSpPr>
            <a:spLocks noChangeShapeType="1"/>
          </p:cNvSpPr>
          <p:nvPr/>
        </p:nvSpPr>
        <p:spPr bwMode="auto">
          <a:xfrm flipV="1">
            <a:off x="191928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79" name="Line 471"/>
          <p:cNvSpPr>
            <a:spLocks noChangeShapeType="1"/>
          </p:cNvSpPr>
          <p:nvPr/>
        </p:nvSpPr>
        <p:spPr bwMode="auto">
          <a:xfrm flipV="1">
            <a:off x="197961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81" name="Line 473"/>
          <p:cNvSpPr>
            <a:spLocks noChangeShapeType="1"/>
          </p:cNvSpPr>
          <p:nvPr/>
        </p:nvSpPr>
        <p:spPr bwMode="auto">
          <a:xfrm flipV="1">
            <a:off x="202882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83" name="Line 475"/>
          <p:cNvSpPr>
            <a:spLocks noChangeShapeType="1"/>
          </p:cNvSpPr>
          <p:nvPr/>
        </p:nvSpPr>
        <p:spPr bwMode="auto">
          <a:xfrm flipV="1">
            <a:off x="2028825" y="6035676"/>
            <a:ext cx="1588" cy="73025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87" name="Line 479"/>
          <p:cNvSpPr>
            <a:spLocks noChangeShapeType="1"/>
          </p:cNvSpPr>
          <p:nvPr/>
        </p:nvSpPr>
        <p:spPr bwMode="auto">
          <a:xfrm flipV="1">
            <a:off x="233362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89" name="Line 481"/>
          <p:cNvSpPr>
            <a:spLocks noChangeShapeType="1"/>
          </p:cNvSpPr>
          <p:nvPr/>
        </p:nvSpPr>
        <p:spPr bwMode="auto">
          <a:xfrm flipV="1">
            <a:off x="251777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91" name="Line 483"/>
          <p:cNvSpPr>
            <a:spLocks noChangeShapeType="1"/>
          </p:cNvSpPr>
          <p:nvPr/>
        </p:nvSpPr>
        <p:spPr bwMode="auto">
          <a:xfrm flipV="1">
            <a:off x="265112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93" name="Line 485"/>
          <p:cNvSpPr>
            <a:spLocks noChangeShapeType="1"/>
          </p:cNvSpPr>
          <p:nvPr/>
        </p:nvSpPr>
        <p:spPr bwMode="auto">
          <a:xfrm flipV="1">
            <a:off x="274955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95" name="Line 487"/>
          <p:cNvSpPr>
            <a:spLocks noChangeShapeType="1"/>
          </p:cNvSpPr>
          <p:nvPr/>
        </p:nvSpPr>
        <p:spPr bwMode="auto">
          <a:xfrm flipV="1">
            <a:off x="283527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97" name="Line 489"/>
          <p:cNvSpPr>
            <a:spLocks noChangeShapeType="1"/>
          </p:cNvSpPr>
          <p:nvPr/>
        </p:nvSpPr>
        <p:spPr bwMode="auto">
          <a:xfrm flipV="1">
            <a:off x="289560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99" name="Line 491"/>
          <p:cNvSpPr>
            <a:spLocks noChangeShapeType="1"/>
          </p:cNvSpPr>
          <p:nvPr/>
        </p:nvSpPr>
        <p:spPr bwMode="auto">
          <a:xfrm flipV="1">
            <a:off x="295592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01" name="Line 493"/>
          <p:cNvSpPr>
            <a:spLocks noChangeShapeType="1"/>
          </p:cNvSpPr>
          <p:nvPr/>
        </p:nvSpPr>
        <p:spPr bwMode="auto">
          <a:xfrm flipV="1">
            <a:off x="301783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03" name="Line 495"/>
          <p:cNvSpPr>
            <a:spLocks noChangeShapeType="1"/>
          </p:cNvSpPr>
          <p:nvPr/>
        </p:nvSpPr>
        <p:spPr bwMode="auto">
          <a:xfrm flipV="1">
            <a:off x="306705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05" name="Line 497"/>
          <p:cNvSpPr>
            <a:spLocks noChangeShapeType="1"/>
          </p:cNvSpPr>
          <p:nvPr/>
        </p:nvSpPr>
        <p:spPr bwMode="auto">
          <a:xfrm flipV="1">
            <a:off x="3067050" y="6035676"/>
            <a:ext cx="1588" cy="73025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09" name="Line 501"/>
          <p:cNvSpPr>
            <a:spLocks noChangeShapeType="1"/>
          </p:cNvSpPr>
          <p:nvPr/>
        </p:nvSpPr>
        <p:spPr bwMode="auto">
          <a:xfrm flipV="1">
            <a:off x="337185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11" name="Line 503"/>
          <p:cNvSpPr>
            <a:spLocks noChangeShapeType="1"/>
          </p:cNvSpPr>
          <p:nvPr/>
        </p:nvSpPr>
        <p:spPr bwMode="auto">
          <a:xfrm flipV="1">
            <a:off x="355441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13" name="Line 505"/>
          <p:cNvSpPr>
            <a:spLocks noChangeShapeType="1"/>
          </p:cNvSpPr>
          <p:nvPr/>
        </p:nvSpPr>
        <p:spPr bwMode="auto">
          <a:xfrm flipV="1">
            <a:off x="368935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15" name="Line 507"/>
          <p:cNvSpPr>
            <a:spLocks noChangeShapeType="1"/>
          </p:cNvSpPr>
          <p:nvPr/>
        </p:nvSpPr>
        <p:spPr bwMode="auto">
          <a:xfrm flipV="1">
            <a:off x="378618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17" name="Line 509"/>
          <p:cNvSpPr>
            <a:spLocks noChangeShapeType="1"/>
          </p:cNvSpPr>
          <p:nvPr/>
        </p:nvSpPr>
        <p:spPr bwMode="auto">
          <a:xfrm flipV="1">
            <a:off x="387191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19" name="Line 511"/>
          <p:cNvSpPr>
            <a:spLocks noChangeShapeType="1"/>
          </p:cNvSpPr>
          <p:nvPr/>
        </p:nvSpPr>
        <p:spPr bwMode="auto">
          <a:xfrm flipV="1">
            <a:off x="393223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21" name="Line 513"/>
          <p:cNvSpPr>
            <a:spLocks noChangeShapeType="1"/>
          </p:cNvSpPr>
          <p:nvPr/>
        </p:nvSpPr>
        <p:spPr bwMode="auto">
          <a:xfrm flipV="1">
            <a:off x="399415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23" name="Line 515"/>
          <p:cNvSpPr>
            <a:spLocks noChangeShapeType="1"/>
          </p:cNvSpPr>
          <p:nvPr/>
        </p:nvSpPr>
        <p:spPr bwMode="auto">
          <a:xfrm flipV="1">
            <a:off x="405447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25" name="Line 517"/>
          <p:cNvSpPr>
            <a:spLocks noChangeShapeType="1"/>
          </p:cNvSpPr>
          <p:nvPr/>
        </p:nvSpPr>
        <p:spPr bwMode="auto">
          <a:xfrm flipV="1">
            <a:off x="410368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27" name="Line 519"/>
          <p:cNvSpPr>
            <a:spLocks noChangeShapeType="1"/>
          </p:cNvSpPr>
          <p:nvPr/>
        </p:nvSpPr>
        <p:spPr bwMode="auto">
          <a:xfrm flipV="1">
            <a:off x="4103688" y="6035676"/>
            <a:ext cx="1588" cy="73025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31" name="Line 523"/>
          <p:cNvSpPr>
            <a:spLocks noChangeShapeType="1"/>
          </p:cNvSpPr>
          <p:nvPr/>
        </p:nvSpPr>
        <p:spPr bwMode="auto">
          <a:xfrm flipV="1">
            <a:off x="440848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33" name="Line 525"/>
          <p:cNvSpPr>
            <a:spLocks noChangeShapeType="1"/>
          </p:cNvSpPr>
          <p:nvPr/>
        </p:nvSpPr>
        <p:spPr bwMode="auto">
          <a:xfrm flipV="1">
            <a:off x="459263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35" name="Line 527"/>
          <p:cNvSpPr>
            <a:spLocks noChangeShapeType="1"/>
          </p:cNvSpPr>
          <p:nvPr/>
        </p:nvSpPr>
        <p:spPr bwMode="auto">
          <a:xfrm flipV="1">
            <a:off x="472598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37" name="Line 529"/>
          <p:cNvSpPr>
            <a:spLocks noChangeShapeType="1"/>
          </p:cNvSpPr>
          <p:nvPr/>
        </p:nvSpPr>
        <p:spPr bwMode="auto">
          <a:xfrm flipV="1">
            <a:off x="482441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39" name="Line 531"/>
          <p:cNvSpPr>
            <a:spLocks noChangeShapeType="1"/>
          </p:cNvSpPr>
          <p:nvPr/>
        </p:nvSpPr>
        <p:spPr bwMode="auto">
          <a:xfrm flipV="1">
            <a:off x="490855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41" name="Line 533"/>
          <p:cNvSpPr>
            <a:spLocks noChangeShapeType="1"/>
          </p:cNvSpPr>
          <p:nvPr/>
        </p:nvSpPr>
        <p:spPr bwMode="auto">
          <a:xfrm flipV="1">
            <a:off x="497046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43" name="Line 535"/>
          <p:cNvSpPr>
            <a:spLocks noChangeShapeType="1"/>
          </p:cNvSpPr>
          <p:nvPr/>
        </p:nvSpPr>
        <p:spPr bwMode="auto">
          <a:xfrm flipV="1">
            <a:off x="503078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45" name="Line 537"/>
          <p:cNvSpPr>
            <a:spLocks noChangeShapeType="1"/>
          </p:cNvSpPr>
          <p:nvPr/>
        </p:nvSpPr>
        <p:spPr bwMode="auto">
          <a:xfrm flipV="1">
            <a:off x="509270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47" name="Line 539"/>
          <p:cNvSpPr>
            <a:spLocks noChangeShapeType="1"/>
          </p:cNvSpPr>
          <p:nvPr/>
        </p:nvSpPr>
        <p:spPr bwMode="auto">
          <a:xfrm flipV="1">
            <a:off x="514191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49" name="Line 541"/>
          <p:cNvSpPr>
            <a:spLocks noChangeShapeType="1"/>
          </p:cNvSpPr>
          <p:nvPr/>
        </p:nvSpPr>
        <p:spPr bwMode="auto">
          <a:xfrm flipV="1">
            <a:off x="5141913" y="6035676"/>
            <a:ext cx="1588" cy="73025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53" name="Line 545"/>
          <p:cNvSpPr>
            <a:spLocks noChangeShapeType="1"/>
          </p:cNvSpPr>
          <p:nvPr/>
        </p:nvSpPr>
        <p:spPr bwMode="auto">
          <a:xfrm flipV="1">
            <a:off x="544671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55" name="Line 547"/>
          <p:cNvSpPr>
            <a:spLocks noChangeShapeType="1"/>
          </p:cNvSpPr>
          <p:nvPr/>
        </p:nvSpPr>
        <p:spPr bwMode="auto">
          <a:xfrm flipV="1">
            <a:off x="562927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57" name="Line 549"/>
          <p:cNvSpPr>
            <a:spLocks noChangeShapeType="1"/>
          </p:cNvSpPr>
          <p:nvPr/>
        </p:nvSpPr>
        <p:spPr bwMode="auto">
          <a:xfrm flipV="1">
            <a:off x="576421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59" name="Line 551"/>
          <p:cNvSpPr>
            <a:spLocks noChangeShapeType="1"/>
          </p:cNvSpPr>
          <p:nvPr/>
        </p:nvSpPr>
        <p:spPr bwMode="auto">
          <a:xfrm flipV="1">
            <a:off x="586105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61" name="Line 553"/>
          <p:cNvSpPr>
            <a:spLocks noChangeShapeType="1"/>
          </p:cNvSpPr>
          <p:nvPr/>
        </p:nvSpPr>
        <p:spPr bwMode="auto">
          <a:xfrm flipV="1">
            <a:off x="594677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63" name="Line 555"/>
          <p:cNvSpPr>
            <a:spLocks noChangeShapeType="1"/>
          </p:cNvSpPr>
          <p:nvPr/>
        </p:nvSpPr>
        <p:spPr bwMode="auto">
          <a:xfrm flipV="1">
            <a:off x="600710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65" name="Line 557"/>
          <p:cNvSpPr>
            <a:spLocks noChangeShapeType="1"/>
          </p:cNvSpPr>
          <p:nvPr/>
        </p:nvSpPr>
        <p:spPr bwMode="auto">
          <a:xfrm flipV="1">
            <a:off x="606901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67" name="Line 559"/>
          <p:cNvSpPr>
            <a:spLocks noChangeShapeType="1"/>
          </p:cNvSpPr>
          <p:nvPr/>
        </p:nvSpPr>
        <p:spPr bwMode="auto">
          <a:xfrm flipV="1">
            <a:off x="612933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69" name="Line 561"/>
          <p:cNvSpPr>
            <a:spLocks noChangeShapeType="1"/>
          </p:cNvSpPr>
          <p:nvPr/>
        </p:nvSpPr>
        <p:spPr bwMode="auto">
          <a:xfrm flipV="1">
            <a:off x="617855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71" name="Line 563"/>
          <p:cNvSpPr>
            <a:spLocks noChangeShapeType="1"/>
          </p:cNvSpPr>
          <p:nvPr/>
        </p:nvSpPr>
        <p:spPr bwMode="auto">
          <a:xfrm flipV="1">
            <a:off x="6178550" y="6035676"/>
            <a:ext cx="1588" cy="73025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75" name="Line 567"/>
          <p:cNvSpPr>
            <a:spLocks noChangeShapeType="1"/>
          </p:cNvSpPr>
          <p:nvPr/>
        </p:nvSpPr>
        <p:spPr bwMode="auto">
          <a:xfrm flipV="1">
            <a:off x="648335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77" name="Line 569"/>
          <p:cNvSpPr>
            <a:spLocks noChangeShapeType="1"/>
          </p:cNvSpPr>
          <p:nvPr/>
        </p:nvSpPr>
        <p:spPr bwMode="auto">
          <a:xfrm flipV="1">
            <a:off x="666591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79" name="Line 571"/>
          <p:cNvSpPr>
            <a:spLocks noChangeShapeType="1"/>
          </p:cNvSpPr>
          <p:nvPr/>
        </p:nvSpPr>
        <p:spPr bwMode="auto">
          <a:xfrm flipV="1">
            <a:off x="680085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81" name="Line 573"/>
          <p:cNvSpPr>
            <a:spLocks noChangeShapeType="1"/>
          </p:cNvSpPr>
          <p:nvPr/>
        </p:nvSpPr>
        <p:spPr bwMode="auto">
          <a:xfrm flipV="1">
            <a:off x="689927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83" name="Line 575"/>
          <p:cNvSpPr>
            <a:spLocks noChangeShapeType="1"/>
          </p:cNvSpPr>
          <p:nvPr/>
        </p:nvSpPr>
        <p:spPr bwMode="auto">
          <a:xfrm flipV="1">
            <a:off x="698341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85" name="Line 577"/>
          <p:cNvSpPr>
            <a:spLocks noChangeShapeType="1"/>
          </p:cNvSpPr>
          <p:nvPr/>
        </p:nvSpPr>
        <p:spPr bwMode="auto">
          <a:xfrm flipV="1">
            <a:off x="704532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87" name="Line 579"/>
          <p:cNvSpPr>
            <a:spLocks noChangeShapeType="1"/>
          </p:cNvSpPr>
          <p:nvPr/>
        </p:nvSpPr>
        <p:spPr bwMode="auto">
          <a:xfrm flipV="1">
            <a:off x="710565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89" name="Line 581"/>
          <p:cNvSpPr>
            <a:spLocks noChangeShapeType="1"/>
          </p:cNvSpPr>
          <p:nvPr/>
        </p:nvSpPr>
        <p:spPr bwMode="auto">
          <a:xfrm flipV="1">
            <a:off x="716756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91" name="Line 583"/>
          <p:cNvSpPr>
            <a:spLocks noChangeShapeType="1"/>
          </p:cNvSpPr>
          <p:nvPr/>
        </p:nvSpPr>
        <p:spPr bwMode="auto">
          <a:xfrm flipV="1">
            <a:off x="721518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93" name="Line 585"/>
          <p:cNvSpPr>
            <a:spLocks noChangeShapeType="1"/>
          </p:cNvSpPr>
          <p:nvPr/>
        </p:nvSpPr>
        <p:spPr bwMode="auto">
          <a:xfrm flipV="1">
            <a:off x="7215188" y="6035676"/>
            <a:ext cx="1588" cy="73025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97" name="Line 589"/>
          <p:cNvSpPr>
            <a:spLocks noChangeShapeType="1"/>
          </p:cNvSpPr>
          <p:nvPr/>
        </p:nvSpPr>
        <p:spPr bwMode="auto">
          <a:xfrm flipV="1">
            <a:off x="752157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99" name="Line 591"/>
          <p:cNvSpPr>
            <a:spLocks noChangeShapeType="1"/>
          </p:cNvSpPr>
          <p:nvPr/>
        </p:nvSpPr>
        <p:spPr bwMode="auto">
          <a:xfrm flipV="1">
            <a:off x="770413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01" name="Line 593"/>
          <p:cNvSpPr>
            <a:spLocks noChangeShapeType="1"/>
          </p:cNvSpPr>
          <p:nvPr/>
        </p:nvSpPr>
        <p:spPr bwMode="auto">
          <a:xfrm flipV="1">
            <a:off x="783748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03" name="Line 595"/>
          <p:cNvSpPr>
            <a:spLocks noChangeShapeType="1"/>
          </p:cNvSpPr>
          <p:nvPr/>
        </p:nvSpPr>
        <p:spPr bwMode="auto">
          <a:xfrm flipV="1">
            <a:off x="793591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05" name="Line 597"/>
          <p:cNvSpPr>
            <a:spLocks noChangeShapeType="1"/>
          </p:cNvSpPr>
          <p:nvPr/>
        </p:nvSpPr>
        <p:spPr bwMode="auto">
          <a:xfrm flipV="1">
            <a:off x="8021638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07" name="Line 599"/>
          <p:cNvSpPr>
            <a:spLocks noChangeShapeType="1"/>
          </p:cNvSpPr>
          <p:nvPr/>
        </p:nvSpPr>
        <p:spPr bwMode="auto">
          <a:xfrm flipV="1">
            <a:off x="808196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09" name="Line 601"/>
          <p:cNvSpPr>
            <a:spLocks noChangeShapeType="1"/>
          </p:cNvSpPr>
          <p:nvPr/>
        </p:nvSpPr>
        <p:spPr bwMode="auto">
          <a:xfrm flipV="1">
            <a:off x="8143875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11" name="Line 603"/>
          <p:cNvSpPr>
            <a:spLocks noChangeShapeType="1"/>
          </p:cNvSpPr>
          <p:nvPr/>
        </p:nvSpPr>
        <p:spPr bwMode="auto">
          <a:xfrm flipV="1">
            <a:off x="8204200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13" name="Line 605"/>
          <p:cNvSpPr>
            <a:spLocks noChangeShapeType="1"/>
          </p:cNvSpPr>
          <p:nvPr/>
        </p:nvSpPr>
        <p:spPr bwMode="auto">
          <a:xfrm flipV="1">
            <a:off x="8253413" y="6072188"/>
            <a:ext cx="1588" cy="36513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15" name="Line 607"/>
          <p:cNvSpPr>
            <a:spLocks noChangeShapeType="1"/>
          </p:cNvSpPr>
          <p:nvPr/>
        </p:nvSpPr>
        <p:spPr bwMode="auto">
          <a:xfrm flipV="1">
            <a:off x="8253413" y="6035676"/>
            <a:ext cx="1588" cy="73025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19" name="Line 611"/>
          <p:cNvSpPr>
            <a:spLocks noChangeShapeType="1"/>
          </p:cNvSpPr>
          <p:nvPr/>
        </p:nvSpPr>
        <p:spPr bwMode="auto">
          <a:xfrm>
            <a:off x="992188" y="610870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20" name="Line 612"/>
          <p:cNvSpPr>
            <a:spLocks noChangeShapeType="1"/>
          </p:cNvSpPr>
          <p:nvPr/>
        </p:nvSpPr>
        <p:spPr bwMode="auto">
          <a:xfrm flipH="1">
            <a:off x="8216900" y="6108701"/>
            <a:ext cx="365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21" name="Line 613"/>
          <p:cNvSpPr>
            <a:spLocks noChangeShapeType="1"/>
          </p:cNvSpPr>
          <p:nvPr/>
        </p:nvSpPr>
        <p:spPr bwMode="auto">
          <a:xfrm>
            <a:off x="992188" y="6108701"/>
            <a:ext cx="603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22" name="Line 614"/>
          <p:cNvSpPr>
            <a:spLocks noChangeShapeType="1"/>
          </p:cNvSpPr>
          <p:nvPr/>
        </p:nvSpPr>
        <p:spPr bwMode="auto">
          <a:xfrm flipH="1">
            <a:off x="8180388" y="6108701"/>
            <a:ext cx="730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23" name="Rectangle 615"/>
          <p:cNvSpPr>
            <a:spLocks noChangeArrowheads="1"/>
          </p:cNvSpPr>
          <p:nvPr/>
        </p:nvSpPr>
        <p:spPr bwMode="auto">
          <a:xfrm>
            <a:off x="612775" y="6010276"/>
            <a:ext cx="185948" cy="20005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3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10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024" name="Rectangle 616"/>
          <p:cNvSpPr>
            <a:spLocks noChangeArrowheads="1"/>
          </p:cNvSpPr>
          <p:nvPr/>
        </p:nvSpPr>
        <p:spPr bwMode="auto">
          <a:xfrm>
            <a:off x="784225" y="5949951"/>
            <a:ext cx="207963" cy="1460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900" b="0" i="0" u="none" strike="noStrike" cap="none" normalizeH="0" baseline="0">
                <a:ln>
                  <a:noFill/>
                </a:ln>
                <a:solidFill>
                  <a:srgbClr val="000000"/>
                </a:solidFill>
                <a:effectLst/>
                <a:latin typeface="Helvetica" charset="0"/>
              </a:rPr>
              <a:t>-10</a:t>
            </a:r>
            <a:endParaRPr kumimoji="0" lang="en-US" sz="18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rial" pitchFamily="34" charset="0"/>
            </a:endParaRPr>
          </a:p>
        </p:txBody>
      </p:sp>
      <p:sp>
        <p:nvSpPr>
          <p:cNvPr id="18025" name="Line 617"/>
          <p:cNvSpPr>
            <a:spLocks noChangeShapeType="1"/>
          </p:cNvSpPr>
          <p:nvPr/>
        </p:nvSpPr>
        <p:spPr bwMode="auto">
          <a:xfrm>
            <a:off x="992188" y="592455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27" name="Line 619"/>
          <p:cNvSpPr>
            <a:spLocks noChangeShapeType="1"/>
          </p:cNvSpPr>
          <p:nvPr/>
        </p:nvSpPr>
        <p:spPr bwMode="auto">
          <a:xfrm>
            <a:off x="992188" y="582771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29" name="Line 621"/>
          <p:cNvSpPr>
            <a:spLocks noChangeShapeType="1"/>
          </p:cNvSpPr>
          <p:nvPr/>
        </p:nvSpPr>
        <p:spPr bwMode="auto">
          <a:xfrm>
            <a:off x="992188" y="575468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31" name="Line 623"/>
          <p:cNvSpPr>
            <a:spLocks noChangeShapeType="1"/>
          </p:cNvSpPr>
          <p:nvPr/>
        </p:nvSpPr>
        <p:spPr bwMode="auto">
          <a:xfrm>
            <a:off x="992188" y="570547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33" name="Line 625"/>
          <p:cNvSpPr>
            <a:spLocks noChangeShapeType="1"/>
          </p:cNvSpPr>
          <p:nvPr/>
        </p:nvSpPr>
        <p:spPr bwMode="auto">
          <a:xfrm>
            <a:off x="992188" y="56562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35" name="Line 627"/>
          <p:cNvSpPr>
            <a:spLocks noChangeShapeType="1"/>
          </p:cNvSpPr>
          <p:nvPr/>
        </p:nvSpPr>
        <p:spPr bwMode="auto">
          <a:xfrm>
            <a:off x="992188" y="561975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37" name="Line 629"/>
          <p:cNvSpPr>
            <a:spLocks noChangeShapeType="1"/>
          </p:cNvSpPr>
          <p:nvPr/>
        </p:nvSpPr>
        <p:spPr bwMode="auto">
          <a:xfrm>
            <a:off x="992188" y="558323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39" name="Line 631"/>
          <p:cNvSpPr>
            <a:spLocks noChangeShapeType="1"/>
          </p:cNvSpPr>
          <p:nvPr/>
        </p:nvSpPr>
        <p:spPr bwMode="auto">
          <a:xfrm>
            <a:off x="992188" y="555942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41" name="Line 633"/>
          <p:cNvSpPr>
            <a:spLocks noChangeShapeType="1"/>
          </p:cNvSpPr>
          <p:nvPr/>
        </p:nvSpPr>
        <p:spPr bwMode="auto">
          <a:xfrm>
            <a:off x="992188" y="553402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43" name="Line 635"/>
          <p:cNvSpPr>
            <a:spLocks noChangeShapeType="1"/>
          </p:cNvSpPr>
          <p:nvPr/>
        </p:nvSpPr>
        <p:spPr bwMode="auto">
          <a:xfrm>
            <a:off x="992188" y="5534026"/>
            <a:ext cx="603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45" name="Rectangle 637"/>
          <p:cNvSpPr>
            <a:spLocks noChangeArrowheads="1"/>
          </p:cNvSpPr>
          <p:nvPr/>
        </p:nvSpPr>
        <p:spPr bwMode="auto">
          <a:xfrm>
            <a:off x="612775" y="5437188"/>
            <a:ext cx="185948" cy="20005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3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10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046" name="Rectangle 638"/>
          <p:cNvSpPr>
            <a:spLocks noChangeArrowheads="1"/>
          </p:cNvSpPr>
          <p:nvPr/>
        </p:nvSpPr>
        <p:spPr bwMode="auto">
          <a:xfrm>
            <a:off x="784225" y="5375276"/>
            <a:ext cx="102592" cy="1384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9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-9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047" name="Line 639"/>
          <p:cNvSpPr>
            <a:spLocks noChangeShapeType="1"/>
          </p:cNvSpPr>
          <p:nvPr/>
        </p:nvSpPr>
        <p:spPr bwMode="auto">
          <a:xfrm>
            <a:off x="992188" y="53514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49" name="Line 641"/>
          <p:cNvSpPr>
            <a:spLocks noChangeShapeType="1"/>
          </p:cNvSpPr>
          <p:nvPr/>
        </p:nvSpPr>
        <p:spPr bwMode="auto">
          <a:xfrm>
            <a:off x="992188" y="525462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52" name="Line 644"/>
          <p:cNvSpPr>
            <a:spLocks noChangeShapeType="1"/>
          </p:cNvSpPr>
          <p:nvPr/>
        </p:nvSpPr>
        <p:spPr bwMode="auto">
          <a:xfrm>
            <a:off x="992188" y="518001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54" name="Line 646"/>
          <p:cNvSpPr>
            <a:spLocks noChangeShapeType="1"/>
          </p:cNvSpPr>
          <p:nvPr/>
        </p:nvSpPr>
        <p:spPr bwMode="auto">
          <a:xfrm>
            <a:off x="992188" y="513238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56" name="Line 648"/>
          <p:cNvSpPr>
            <a:spLocks noChangeShapeType="1"/>
          </p:cNvSpPr>
          <p:nvPr/>
        </p:nvSpPr>
        <p:spPr bwMode="auto">
          <a:xfrm>
            <a:off x="992188" y="508317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58" name="Line 650"/>
          <p:cNvSpPr>
            <a:spLocks noChangeShapeType="1"/>
          </p:cNvSpPr>
          <p:nvPr/>
        </p:nvSpPr>
        <p:spPr bwMode="auto">
          <a:xfrm>
            <a:off x="992188" y="50466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60" name="Line 652"/>
          <p:cNvSpPr>
            <a:spLocks noChangeShapeType="1"/>
          </p:cNvSpPr>
          <p:nvPr/>
        </p:nvSpPr>
        <p:spPr bwMode="auto">
          <a:xfrm>
            <a:off x="992188" y="501015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62" name="Line 654"/>
          <p:cNvSpPr>
            <a:spLocks noChangeShapeType="1"/>
          </p:cNvSpPr>
          <p:nvPr/>
        </p:nvSpPr>
        <p:spPr bwMode="auto">
          <a:xfrm>
            <a:off x="992188" y="498475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64" name="Line 656"/>
          <p:cNvSpPr>
            <a:spLocks noChangeShapeType="1"/>
          </p:cNvSpPr>
          <p:nvPr/>
        </p:nvSpPr>
        <p:spPr bwMode="auto">
          <a:xfrm>
            <a:off x="992188" y="496093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66" name="Line 658"/>
          <p:cNvSpPr>
            <a:spLocks noChangeShapeType="1"/>
          </p:cNvSpPr>
          <p:nvPr/>
        </p:nvSpPr>
        <p:spPr bwMode="auto">
          <a:xfrm>
            <a:off x="992188" y="4960938"/>
            <a:ext cx="603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68" name="Rectangle 660"/>
          <p:cNvSpPr>
            <a:spLocks noChangeArrowheads="1"/>
          </p:cNvSpPr>
          <p:nvPr/>
        </p:nvSpPr>
        <p:spPr bwMode="auto">
          <a:xfrm>
            <a:off x="612775" y="4864101"/>
            <a:ext cx="185948" cy="20005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3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10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069" name="Rectangle 661"/>
          <p:cNvSpPr>
            <a:spLocks noChangeArrowheads="1"/>
          </p:cNvSpPr>
          <p:nvPr/>
        </p:nvSpPr>
        <p:spPr bwMode="auto">
          <a:xfrm>
            <a:off x="784225" y="4802188"/>
            <a:ext cx="102592" cy="1384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9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-8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070" name="Line 662"/>
          <p:cNvSpPr>
            <a:spLocks noChangeShapeType="1"/>
          </p:cNvSpPr>
          <p:nvPr/>
        </p:nvSpPr>
        <p:spPr bwMode="auto">
          <a:xfrm>
            <a:off x="992188" y="477837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72" name="Line 664"/>
          <p:cNvSpPr>
            <a:spLocks noChangeShapeType="1"/>
          </p:cNvSpPr>
          <p:nvPr/>
        </p:nvSpPr>
        <p:spPr bwMode="auto">
          <a:xfrm>
            <a:off x="992188" y="467995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74" name="Line 666"/>
          <p:cNvSpPr>
            <a:spLocks noChangeShapeType="1"/>
          </p:cNvSpPr>
          <p:nvPr/>
        </p:nvSpPr>
        <p:spPr bwMode="auto">
          <a:xfrm>
            <a:off x="992188" y="460692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76" name="Line 668"/>
          <p:cNvSpPr>
            <a:spLocks noChangeShapeType="1"/>
          </p:cNvSpPr>
          <p:nvPr/>
        </p:nvSpPr>
        <p:spPr bwMode="auto">
          <a:xfrm>
            <a:off x="992188" y="455771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78" name="Line 670"/>
          <p:cNvSpPr>
            <a:spLocks noChangeShapeType="1"/>
          </p:cNvSpPr>
          <p:nvPr/>
        </p:nvSpPr>
        <p:spPr bwMode="auto">
          <a:xfrm>
            <a:off x="992188" y="451008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80" name="Line 672"/>
          <p:cNvSpPr>
            <a:spLocks noChangeShapeType="1"/>
          </p:cNvSpPr>
          <p:nvPr/>
        </p:nvSpPr>
        <p:spPr bwMode="auto">
          <a:xfrm>
            <a:off x="992188" y="447357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82" name="Line 674"/>
          <p:cNvSpPr>
            <a:spLocks noChangeShapeType="1"/>
          </p:cNvSpPr>
          <p:nvPr/>
        </p:nvSpPr>
        <p:spPr bwMode="auto">
          <a:xfrm>
            <a:off x="992188" y="44370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84" name="Line 676"/>
          <p:cNvSpPr>
            <a:spLocks noChangeShapeType="1"/>
          </p:cNvSpPr>
          <p:nvPr/>
        </p:nvSpPr>
        <p:spPr bwMode="auto">
          <a:xfrm>
            <a:off x="992188" y="44116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86" name="Line 678"/>
          <p:cNvSpPr>
            <a:spLocks noChangeShapeType="1"/>
          </p:cNvSpPr>
          <p:nvPr/>
        </p:nvSpPr>
        <p:spPr bwMode="auto">
          <a:xfrm>
            <a:off x="992188" y="438785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88" name="Line 680"/>
          <p:cNvSpPr>
            <a:spLocks noChangeShapeType="1"/>
          </p:cNvSpPr>
          <p:nvPr/>
        </p:nvSpPr>
        <p:spPr bwMode="auto">
          <a:xfrm>
            <a:off x="992188" y="4387851"/>
            <a:ext cx="603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90" name="Rectangle 682"/>
          <p:cNvSpPr>
            <a:spLocks noChangeArrowheads="1"/>
          </p:cNvSpPr>
          <p:nvPr/>
        </p:nvSpPr>
        <p:spPr bwMode="auto">
          <a:xfrm>
            <a:off x="612775" y="4289426"/>
            <a:ext cx="185948" cy="20005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3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10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091" name="Rectangle 683"/>
          <p:cNvSpPr>
            <a:spLocks noChangeArrowheads="1"/>
          </p:cNvSpPr>
          <p:nvPr/>
        </p:nvSpPr>
        <p:spPr bwMode="auto">
          <a:xfrm>
            <a:off x="784225" y="4229101"/>
            <a:ext cx="102592" cy="1384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9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-7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092" name="Line 684"/>
          <p:cNvSpPr>
            <a:spLocks noChangeShapeType="1"/>
          </p:cNvSpPr>
          <p:nvPr/>
        </p:nvSpPr>
        <p:spPr bwMode="auto">
          <a:xfrm>
            <a:off x="992188" y="420370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94" name="Line 686"/>
          <p:cNvSpPr>
            <a:spLocks noChangeShapeType="1"/>
          </p:cNvSpPr>
          <p:nvPr/>
        </p:nvSpPr>
        <p:spPr bwMode="auto">
          <a:xfrm>
            <a:off x="992188" y="41068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96" name="Line 688"/>
          <p:cNvSpPr>
            <a:spLocks noChangeShapeType="1"/>
          </p:cNvSpPr>
          <p:nvPr/>
        </p:nvSpPr>
        <p:spPr bwMode="auto">
          <a:xfrm>
            <a:off x="992188" y="403383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98" name="Line 690"/>
          <p:cNvSpPr>
            <a:spLocks noChangeShapeType="1"/>
          </p:cNvSpPr>
          <p:nvPr/>
        </p:nvSpPr>
        <p:spPr bwMode="auto">
          <a:xfrm>
            <a:off x="992188" y="398462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00" name="Line 692"/>
          <p:cNvSpPr>
            <a:spLocks noChangeShapeType="1"/>
          </p:cNvSpPr>
          <p:nvPr/>
        </p:nvSpPr>
        <p:spPr bwMode="auto">
          <a:xfrm>
            <a:off x="992188" y="393541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02" name="Line 694"/>
          <p:cNvSpPr>
            <a:spLocks noChangeShapeType="1"/>
          </p:cNvSpPr>
          <p:nvPr/>
        </p:nvSpPr>
        <p:spPr bwMode="auto">
          <a:xfrm>
            <a:off x="992188" y="389890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04" name="Line 696"/>
          <p:cNvSpPr>
            <a:spLocks noChangeShapeType="1"/>
          </p:cNvSpPr>
          <p:nvPr/>
        </p:nvSpPr>
        <p:spPr bwMode="auto">
          <a:xfrm>
            <a:off x="992188" y="386238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06" name="Line 698"/>
          <p:cNvSpPr>
            <a:spLocks noChangeShapeType="1"/>
          </p:cNvSpPr>
          <p:nvPr/>
        </p:nvSpPr>
        <p:spPr bwMode="auto">
          <a:xfrm>
            <a:off x="992188" y="383857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08" name="Line 700"/>
          <p:cNvSpPr>
            <a:spLocks noChangeShapeType="1"/>
          </p:cNvSpPr>
          <p:nvPr/>
        </p:nvSpPr>
        <p:spPr bwMode="auto">
          <a:xfrm>
            <a:off x="992188" y="381317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10" name="Line 702"/>
          <p:cNvSpPr>
            <a:spLocks noChangeShapeType="1"/>
          </p:cNvSpPr>
          <p:nvPr/>
        </p:nvSpPr>
        <p:spPr bwMode="auto">
          <a:xfrm>
            <a:off x="992188" y="3813176"/>
            <a:ext cx="603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12" name="Rectangle 704"/>
          <p:cNvSpPr>
            <a:spLocks noChangeArrowheads="1"/>
          </p:cNvSpPr>
          <p:nvPr/>
        </p:nvSpPr>
        <p:spPr bwMode="auto">
          <a:xfrm>
            <a:off x="612775" y="3716338"/>
            <a:ext cx="185948" cy="20005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3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10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113" name="Rectangle 705"/>
          <p:cNvSpPr>
            <a:spLocks noChangeArrowheads="1"/>
          </p:cNvSpPr>
          <p:nvPr/>
        </p:nvSpPr>
        <p:spPr bwMode="auto">
          <a:xfrm>
            <a:off x="784225" y="3656013"/>
            <a:ext cx="102592" cy="1384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9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-6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114" name="Line 706"/>
          <p:cNvSpPr>
            <a:spLocks noChangeShapeType="1"/>
          </p:cNvSpPr>
          <p:nvPr/>
        </p:nvSpPr>
        <p:spPr bwMode="auto">
          <a:xfrm>
            <a:off x="992188" y="363061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16" name="Line 708"/>
          <p:cNvSpPr>
            <a:spLocks noChangeShapeType="1"/>
          </p:cNvSpPr>
          <p:nvPr/>
        </p:nvSpPr>
        <p:spPr bwMode="auto">
          <a:xfrm>
            <a:off x="992188" y="353377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18" name="Line 710"/>
          <p:cNvSpPr>
            <a:spLocks noChangeShapeType="1"/>
          </p:cNvSpPr>
          <p:nvPr/>
        </p:nvSpPr>
        <p:spPr bwMode="auto">
          <a:xfrm>
            <a:off x="992188" y="346075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20" name="Line 712"/>
          <p:cNvSpPr>
            <a:spLocks noChangeShapeType="1"/>
          </p:cNvSpPr>
          <p:nvPr/>
        </p:nvSpPr>
        <p:spPr bwMode="auto">
          <a:xfrm>
            <a:off x="992188" y="341153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22" name="Line 714"/>
          <p:cNvSpPr>
            <a:spLocks noChangeShapeType="1"/>
          </p:cNvSpPr>
          <p:nvPr/>
        </p:nvSpPr>
        <p:spPr bwMode="auto">
          <a:xfrm>
            <a:off x="992188" y="336232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24" name="Line 716"/>
          <p:cNvSpPr>
            <a:spLocks noChangeShapeType="1"/>
          </p:cNvSpPr>
          <p:nvPr/>
        </p:nvSpPr>
        <p:spPr bwMode="auto">
          <a:xfrm>
            <a:off x="992188" y="332581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26" name="Line 718"/>
          <p:cNvSpPr>
            <a:spLocks noChangeShapeType="1"/>
          </p:cNvSpPr>
          <p:nvPr/>
        </p:nvSpPr>
        <p:spPr bwMode="auto">
          <a:xfrm>
            <a:off x="992188" y="328930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28" name="Line 720"/>
          <p:cNvSpPr>
            <a:spLocks noChangeShapeType="1"/>
          </p:cNvSpPr>
          <p:nvPr/>
        </p:nvSpPr>
        <p:spPr bwMode="auto">
          <a:xfrm>
            <a:off x="992188" y="326548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30" name="Line 722"/>
          <p:cNvSpPr>
            <a:spLocks noChangeShapeType="1"/>
          </p:cNvSpPr>
          <p:nvPr/>
        </p:nvSpPr>
        <p:spPr bwMode="auto">
          <a:xfrm>
            <a:off x="992188" y="324008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32" name="Line 724"/>
          <p:cNvSpPr>
            <a:spLocks noChangeShapeType="1"/>
          </p:cNvSpPr>
          <p:nvPr/>
        </p:nvSpPr>
        <p:spPr bwMode="auto">
          <a:xfrm>
            <a:off x="992188" y="3240088"/>
            <a:ext cx="603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34" name="Rectangle 726"/>
          <p:cNvSpPr>
            <a:spLocks noChangeArrowheads="1"/>
          </p:cNvSpPr>
          <p:nvPr/>
        </p:nvSpPr>
        <p:spPr bwMode="auto">
          <a:xfrm>
            <a:off x="612775" y="3143251"/>
            <a:ext cx="185948" cy="20005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3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10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135" name="Rectangle 727"/>
          <p:cNvSpPr>
            <a:spLocks noChangeArrowheads="1"/>
          </p:cNvSpPr>
          <p:nvPr/>
        </p:nvSpPr>
        <p:spPr bwMode="auto">
          <a:xfrm>
            <a:off x="784225" y="3081338"/>
            <a:ext cx="102592" cy="1384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9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-5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136" name="Line 728"/>
          <p:cNvSpPr>
            <a:spLocks noChangeShapeType="1"/>
          </p:cNvSpPr>
          <p:nvPr/>
        </p:nvSpPr>
        <p:spPr bwMode="auto">
          <a:xfrm>
            <a:off x="992188" y="305752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38" name="Line 730"/>
          <p:cNvSpPr>
            <a:spLocks noChangeShapeType="1"/>
          </p:cNvSpPr>
          <p:nvPr/>
        </p:nvSpPr>
        <p:spPr bwMode="auto">
          <a:xfrm>
            <a:off x="992188" y="295910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40" name="Line 732"/>
          <p:cNvSpPr>
            <a:spLocks noChangeShapeType="1"/>
          </p:cNvSpPr>
          <p:nvPr/>
        </p:nvSpPr>
        <p:spPr bwMode="auto">
          <a:xfrm>
            <a:off x="992188" y="288607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42" name="Line 734"/>
          <p:cNvSpPr>
            <a:spLocks noChangeShapeType="1"/>
          </p:cNvSpPr>
          <p:nvPr/>
        </p:nvSpPr>
        <p:spPr bwMode="auto">
          <a:xfrm>
            <a:off x="992188" y="28368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44" name="Line 736"/>
          <p:cNvSpPr>
            <a:spLocks noChangeShapeType="1"/>
          </p:cNvSpPr>
          <p:nvPr/>
        </p:nvSpPr>
        <p:spPr bwMode="auto">
          <a:xfrm>
            <a:off x="992188" y="278923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46" name="Line 738"/>
          <p:cNvSpPr>
            <a:spLocks noChangeShapeType="1"/>
          </p:cNvSpPr>
          <p:nvPr/>
        </p:nvSpPr>
        <p:spPr bwMode="auto">
          <a:xfrm>
            <a:off x="992188" y="275272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48" name="Line 740"/>
          <p:cNvSpPr>
            <a:spLocks noChangeShapeType="1"/>
          </p:cNvSpPr>
          <p:nvPr/>
        </p:nvSpPr>
        <p:spPr bwMode="auto">
          <a:xfrm>
            <a:off x="992188" y="271621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50" name="Line 742"/>
          <p:cNvSpPr>
            <a:spLocks noChangeShapeType="1"/>
          </p:cNvSpPr>
          <p:nvPr/>
        </p:nvSpPr>
        <p:spPr bwMode="auto">
          <a:xfrm>
            <a:off x="992188" y="269081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52" name="Line 744"/>
          <p:cNvSpPr>
            <a:spLocks noChangeShapeType="1"/>
          </p:cNvSpPr>
          <p:nvPr/>
        </p:nvSpPr>
        <p:spPr bwMode="auto">
          <a:xfrm>
            <a:off x="992188" y="266700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54" name="Line 746"/>
          <p:cNvSpPr>
            <a:spLocks noChangeShapeType="1"/>
          </p:cNvSpPr>
          <p:nvPr/>
        </p:nvSpPr>
        <p:spPr bwMode="auto">
          <a:xfrm>
            <a:off x="992188" y="2667001"/>
            <a:ext cx="603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56" name="Rectangle 748"/>
          <p:cNvSpPr>
            <a:spLocks noChangeArrowheads="1"/>
          </p:cNvSpPr>
          <p:nvPr/>
        </p:nvSpPr>
        <p:spPr bwMode="auto">
          <a:xfrm>
            <a:off x="612775" y="2568576"/>
            <a:ext cx="185948" cy="20005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3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10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157" name="Rectangle 749"/>
          <p:cNvSpPr>
            <a:spLocks noChangeArrowheads="1"/>
          </p:cNvSpPr>
          <p:nvPr/>
        </p:nvSpPr>
        <p:spPr bwMode="auto">
          <a:xfrm>
            <a:off x="784225" y="2508251"/>
            <a:ext cx="102592" cy="1384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9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-4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158" name="Line 750"/>
          <p:cNvSpPr>
            <a:spLocks noChangeShapeType="1"/>
          </p:cNvSpPr>
          <p:nvPr/>
        </p:nvSpPr>
        <p:spPr bwMode="auto">
          <a:xfrm>
            <a:off x="992188" y="248443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60" name="Line 752"/>
          <p:cNvSpPr>
            <a:spLocks noChangeShapeType="1"/>
          </p:cNvSpPr>
          <p:nvPr/>
        </p:nvSpPr>
        <p:spPr bwMode="auto">
          <a:xfrm>
            <a:off x="992188" y="238601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62" name="Line 754"/>
          <p:cNvSpPr>
            <a:spLocks noChangeShapeType="1"/>
          </p:cNvSpPr>
          <p:nvPr/>
        </p:nvSpPr>
        <p:spPr bwMode="auto">
          <a:xfrm>
            <a:off x="992188" y="231298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64" name="Line 756"/>
          <p:cNvSpPr>
            <a:spLocks noChangeShapeType="1"/>
          </p:cNvSpPr>
          <p:nvPr/>
        </p:nvSpPr>
        <p:spPr bwMode="auto">
          <a:xfrm>
            <a:off x="992188" y="226377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66" name="Line 758"/>
          <p:cNvSpPr>
            <a:spLocks noChangeShapeType="1"/>
          </p:cNvSpPr>
          <p:nvPr/>
        </p:nvSpPr>
        <p:spPr bwMode="auto">
          <a:xfrm>
            <a:off x="992188" y="22145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68" name="Line 760"/>
          <p:cNvSpPr>
            <a:spLocks noChangeShapeType="1"/>
          </p:cNvSpPr>
          <p:nvPr/>
        </p:nvSpPr>
        <p:spPr bwMode="auto">
          <a:xfrm>
            <a:off x="992188" y="217805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70" name="Line 762"/>
          <p:cNvSpPr>
            <a:spLocks noChangeShapeType="1"/>
          </p:cNvSpPr>
          <p:nvPr/>
        </p:nvSpPr>
        <p:spPr bwMode="auto">
          <a:xfrm>
            <a:off x="992188" y="214153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72" name="Line 764"/>
          <p:cNvSpPr>
            <a:spLocks noChangeShapeType="1"/>
          </p:cNvSpPr>
          <p:nvPr/>
        </p:nvSpPr>
        <p:spPr bwMode="auto">
          <a:xfrm>
            <a:off x="992188" y="211772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74" name="Line 766"/>
          <p:cNvSpPr>
            <a:spLocks noChangeShapeType="1"/>
          </p:cNvSpPr>
          <p:nvPr/>
        </p:nvSpPr>
        <p:spPr bwMode="auto">
          <a:xfrm>
            <a:off x="992188" y="209391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76" name="Line 768"/>
          <p:cNvSpPr>
            <a:spLocks noChangeShapeType="1"/>
          </p:cNvSpPr>
          <p:nvPr/>
        </p:nvSpPr>
        <p:spPr bwMode="auto">
          <a:xfrm>
            <a:off x="992188" y="2093913"/>
            <a:ext cx="603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78" name="Rectangle 770"/>
          <p:cNvSpPr>
            <a:spLocks noChangeArrowheads="1"/>
          </p:cNvSpPr>
          <p:nvPr/>
        </p:nvSpPr>
        <p:spPr bwMode="auto">
          <a:xfrm>
            <a:off x="612775" y="1995488"/>
            <a:ext cx="185948" cy="20005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3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10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179" name="Rectangle 771"/>
          <p:cNvSpPr>
            <a:spLocks noChangeArrowheads="1"/>
          </p:cNvSpPr>
          <p:nvPr/>
        </p:nvSpPr>
        <p:spPr bwMode="auto">
          <a:xfrm>
            <a:off x="784225" y="1935163"/>
            <a:ext cx="102592" cy="1384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9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-3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180" name="Line 772"/>
          <p:cNvSpPr>
            <a:spLocks noChangeShapeType="1"/>
          </p:cNvSpPr>
          <p:nvPr/>
        </p:nvSpPr>
        <p:spPr bwMode="auto">
          <a:xfrm>
            <a:off x="992188" y="19097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82" name="Line 774"/>
          <p:cNvSpPr>
            <a:spLocks noChangeShapeType="1"/>
          </p:cNvSpPr>
          <p:nvPr/>
        </p:nvSpPr>
        <p:spPr bwMode="auto">
          <a:xfrm>
            <a:off x="992188" y="181292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84" name="Line 776"/>
          <p:cNvSpPr>
            <a:spLocks noChangeShapeType="1"/>
          </p:cNvSpPr>
          <p:nvPr/>
        </p:nvSpPr>
        <p:spPr bwMode="auto">
          <a:xfrm>
            <a:off x="992188" y="173990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86" name="Line 778"/>
          <p:cNvSpPr>
            <a:spLocks noChangeShapeType="1"/>
          </p:cNvSpPr>
          <p:nvPr/>
        </p:nvSpPr>
        <p:spPr bwMode="auto">
          <a:xfrm>
            <a:off x="992188" y="169068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88" name="Line 780"/>
          <p:cNvSpPr>
            <a:spLocks noChangeShapeType="1"/>
          </p:cNvSpPr>
          <p:nvPr/>
        </p:nvSpPr>
        <p:spPr bwMode="auto">
          <a:xfrm>
            <a:off x="992188" y="164147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90" name="Line 782"/>
          <p:cNvSpPr>
            <a:spLocks noChangeShapeType="1"/>
          </p:cNvSpPr>
          <p:nvPr/>
        </p:nvSpPr>
        <p:spPr bwMode="auto">
          <a:xfrm>
            <a:off x="992188" y="16049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92" name="Line 784"/>
          <p:cNvSpPr>
            <a:spLocks noChangeShapeType="1"/>
          </p:cNvSpPr>
          <p:nvPr/>
        </p:nvSpPr>
        <p:spPr bwMode="auto">
          <a:xfrm>
            <a:off x="992188" y="156845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94" name="Line 786"/>
          <p:cNvSpPr>
            <a:spLocks noChangeShapeType="1"/>
          </p:cNvSpPr>
          <p:nvPr/>
        </p:nvSpPr>
        <p:spPr bwMode="auto">
          <a:xfrm>
            <a:off x="992188" y="154463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96" name="Line 788"/>
          <p:cNvSpPr>
            <a:spLocks noChangeShapeType="1"/>
          </p:cNvSpPr>
          <p:nvPr/>
        </p:nvSpPr>
        <p:spPr bwMode="auto">
          <a:xfrm>
            <a:off x="992188" y="151923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98" name="Line 790"/>
          <p:cNvSpPr>
            <a:spLocks noChangeShapeType="1"/>
          </p:cNvSpPr>
          <p:nvPr/>
        </p:nvSpPr>
        <p:spPr bwMode="auto">
          <a:xfrm>
            <a:off x="992188" y="1519238"/>
            <a:ext cx="603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00" name="Rectangle 792"/>
          <p:cNvSpPr>
            <a:spLocks noChangeArrowheads="1"/>
          </p:cNvSpPr>
          <p:nvPr/>
        </p:nvSpPr>
        <p:spPr bwMode="auto">
          <a:xfrm>
            <a:off x="612775" y="1422401"/>
            <a:ext cx="185948" cy="20005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3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10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201" name="Rectangle 793"/>
          <p:cNvSpPr>
            <a:spLocks noChangeArrowheads="1"/>
          </p:cNvSpPr>
          <p:nvPr/>
        </p:nvSpPr>
        <p:spPr bwMode="auto">
          <a:xfrm>
            <a:off x="784225" y="1360488"/>
            <a:ext cx="102592" cy="1384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9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-2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202" name="Line 794"/>
          <p:cNvSpPr>
            <a:spLocks noChangeShapeType="1"/>
          </p:cNvSpPr>
          <p:nvPr/>
        </p:nvSpPr>
        <p:spPr bwMode="auto">
          <a:xfrm>
            <a:off x="992188" y="133667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04" name="Line 796"/>
          <p:cNvSpPr>
            <a:spLocks noChangeShapeType="1"/>
          </p:cNvSpPr>
          <p:nvPr/>
        </p:nvSpPr>
        <p:spPr bwMode="auto">
          <a:xfrm>
            <a:off x="992188" y="123825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06" name="Line 798"/>
          <p:cNvSpPr>
            <a:spLocks noChangeShapeType="1"/>
          </p:cNvSpPr>
          <p:nvPr/>
        </p:nvSpPr>
        <p:spPr bwMode="auto">
          <a:xfrm>
            <a:off x="992188" y="116522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08" name="Line 800"/>
          <p:cNvSpPr>
            <a:spLocks noChangeShapeType="1"/>
          </p:cNvSpPr>
          <p:nvPr/>
        </p:nvSpPr>
        <p:spPr bwMode="auto">
          <a:xfrm>
            <a:off x="992188" y="111760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10" name="Line 802"/>
          <p:cNvSpPr>
            <a:spLocks noChangeShapeType="1"/>
          </p:cNvSpPr>
          <p:nvPr/>
        </p:nvSpPr>
        <p:spPr bwMode="auto">
          <a:xfrm>
            <a:off x="992188" y="106838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12" name="Line 804"/>
          <p:cNvSpPr>
            <a:spLocks noChangeShapeType="1"/>
          </p:cNvSpPr>
          <p:nvPr/>
        </p:nvSpPr>
        <p:spPr bwMode="auto">
          <a:xfrm>
            <a:off x="992188" y="103187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14" name="Line 806"/>
          <p:cNvSpPr>
            <a:spLocks noChangeShapeType="1"/>
          </p:cNvSpPr>
          <p:nvPr/>
        </p:nvSpPr>
        <p:spPr bwMode="auto">
          <a:xfrm>
            <a:off x="992188" y="9953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16" name="Line 808"/>
          <p:cNvSpPr>
            <a:spLocks noChangeShapeType="1"/>
          </p:cNvSpPr>
          <p:nvPr/>
        </p:nvSpPr>
        <p:spPr bwMode="auto">
          <a:xfrm>
            <a:off x="992188" y="9699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18" name="Line 810"/>
          <p:cNvSpPr>
            <a:spLocks noChangeShapeType="1"/>
          </p:cNvSpPr>
          <p:nvPr/>
        </p:nvSpPr>
        <p:spPr bwMode="auto">
          <a:xfrm>
            <a:off x="992188" y="94615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20" name="Line 812"/>
          <p:cNvSpPr>
            <a:spLocks noChangeShapeType="1"/>
          </p:cNvSpPr>
          <p:nvPr/>
        </p:nvSpPr>
        <p:spPr bwMode="auto">
          <a:xfrm>
            <a:off x="992188" y="946151"/>
            <a:ext cx="603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22" name="Rectangle 814"/>
          <p:cNvSpPr>
            <a:spLocks noChangeArrowheads="1"/>
          </p:cNvSpPr>
          <p:nvPr/>
        </p:nvSpPr>
        <p:spPr bwMode="auto">
          <a:xfrm>
            <a:off x="612775" y="847726"/>
            <a:ext cx="185948" cy="20005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3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10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223" name="Rectangle 815"/>
          <p:cNvSpPr>
            <a:spLocks noChangeArrowheads="1"/>
          </p:cNvSpPr>
          <p:nvPr/>
        </p:nvSpPr>
        <p:spPr bwMode="auto">
          <a:xfrm>
            <a:off x="784225" y="787401"/>
            <a:ext cx="102592" cy="1384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9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-1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224" name="Line 816"/>
          <p:cNvSpPr>
            <a:spLocks noChangeShapeType="1"/>
          </p:cNvSpPr>
          <p:nvPr/>
        </p:nvSpPr>
        <p:spPr bwMode="auto">
          <a:xfrm>
            <a:off x="992188" y="76358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26" name="Line 818"/>
          <p:cNvSpPr>
            <a:spLocks noChangeShapeType="1"/>
          </p:cNvSpPr>
          <p:nvPr/>
        </p:nvSpPr>
        <p:spPr bwMode="auto">
          <a:xfrm>
            <a:off x="992188" y="6651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28" name="Line 820"/>
          <p:cNvSpPr>
            <a:spLocks noChangeShapeType="1"/>
          </p:cNvSpPr>
          <p:nvPr/>
        </p:nvSpPr>
        <p:spPr bwMode="auto">
          <a:xfrm>
            <a:off x="992188" y="59213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30" name="Line 822"/>
          <p:cNvSpPr>
            <a:spLocks noChangeShapeType="1"/>
          </p:cNvSpPr>
          <p:nvPr/>
        </p:nvSpPr>
        <p:spPr bwMode="auto">
          <a:xfrm>
            <a:off x="992188" y="54292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32" name="Line 824"/>
          <p:cNvSpPr>
            <a:spLocks noChangeShapeType="1"/>
          </p:cNvSpPr>
          <p:nvPr/>
        </p:nvSpPr>
        <p:spPr bwMode="auto">
          <a:xfrm>
            <a:off x="992188" y="49371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34" name="Line 826"/>
          <p:cNvSpPr>
            <a:spLocks noChangeShapeType="1"/>
          </p:cNvSpPr>
          <p:nvPr/>
        </p:nvSpPr>
        <p:spPr bwMode="auto">
          <a:xfrm>
            <a:off x="992188" y="457201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36" name="Line 828"/>
          <p:cNvSpPr>
            <a:spLocks noChangeShapeType="1"/>
          </p:cNvSpPr>
          <p:nvPr/>
        </p:nvSpPr>
        <p:spPr bwMode="auto">
          <a:xfrm>
            <a:off x="992188" y="420688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38" name="Line 830"/>
          <p:cNvSpPr>
            <a:spLocks noChangeShapeType="1"/>
          </p:cNvSpPr>
          <p:nvPr/>
        </p:nvSpPr>
        <p:spPr bwMode="auto">
          <a:xfrm>
            <a:off x="992188" y="396876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40" name="Line 832"/>
          <p:cNvSpPr>
            <a:spLocks noChangeShapeType="1"/>
          </p:cNvSpPr>
          <p:nvPr/>
        </p:nvSpPr>
        <p:spPr bwMode="auto">
          <a:xfrm>
            <a:off x="992188" y="373063"/>
            <a:ext cx="23813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42" name="Line 834"/>
          <p:cNvSpPr>
            <a:spLocks noChangeShapeType="1"/>
          </p:cNvSpPr>
          <p:nvPr/>
        </p:nvSpPr>
        <p:spPr bwMode="auto">
          <a:xfrm>
            <a:off x="992188" y="373063"/>
            <a:ext cx="60325" cy="158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44" name="Rectangle 836"/>
          <p:cNvSpPr>
            <a:spLocks noChangeArrowheads="1"/>
          </p:cNvSpPr>
          <p:nvPr/>
        </p:nvSpPr>
        <p:spPr bwMode="auto">
          <a:xfrm>
            <a:off x="612775" y="274638"/>
            <a:ext cx="185948" cy="20005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13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10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245" name="Rectangle 837"/>
          <p:cNvSpPr>
            <a:spLocks noChangeArrowheads="1"/>
          </p:cNvSpPr>
          <p:nvPr/>
        </p:nvSpPr>
        <p:spPr bwMode="auto">
          <a:xfrm>
            <a:off x="784225" y="214313"/>
            <a:ext cx="64120" cy="1384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sz="900" b="0" i="0" u="none" strike="noStrike" cap="none" normalizeH="0" baseline="0">
                <a:ln>
                  <a:noFill/>
                </a:ln>
                <a:effectLst/>
                <a:latin typeface="Helvetica" charset="0"/>
              </a:rPr>
              <a:t>0</a:t>
            </a:r>
            <a:endParaRPr kumimoji="0" lang="en-US" sz="1800" b="0" i="0" u="none" strike="noStrike" cap="none" normalizeH="0" baseline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18249" name="Line 841"/>
          <p:cNvSpPr>
            <a:spLocks noChangeShapeType="1"/>
          </p:cNvSpPr>
          <p:nvPr/>
        </p:nvSpPr>
        <p:spPr bwMode="auto">
          <a:xfrm flipV="1">
            <a:off x="992188" y="373063"/>
            <a:ext cx="1588" cy="5735638"/>
          </a:xfrm>
          <a:prstGeom prst="line">
            <a:avLst/>
          </a:prstGeom>
          <a:noFill/>
          <a:ln w="0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71" name="Freeform 863"/>
          <p:cNvSpPr>
            <a:spLocks/>
          </p:cNvSpPr>
          <p:nvPr/>
        </p:nvSpPr>
        <p:spPr bwMode="auto">
          <a:xfrm>
            <a:off x="2028825" y="1971675"/>
            <a:ext cx="6042025" cy="4148138"/>
          </a:xfrm>
          <a:custGeom>
            <a:avLst/>
            <a:gdLst/>
            <a:ahLst/>
            <a:cxnLst>
              <a:cxn ang="0">
                <a:pos x="46" y="184"/>
              </a:cxn>
              <a:cxn ang="0">
                <a:pos x="154" y="176"/>
              </a:cxn>
              <a:cxn ang="0">
                <a:pos x="254" y="176"/>
              </a:cxn>
              <a:cxn ang="0">
                <a:pos x="362" y="176"/>
              </a:cxn>
              <a:cxn ang="0">
                <a:pos x="461" y="169"/>
              </a:cxn>
              <a:cxn ang="0">
                <a:pos x="569" y="161"/>
              </a:cxn>
              <a:cxn ang="0">
                <a:pos x="669" y="115"/>
              </a:cxn>
              <a:cxn ang="0">
                <a:pos x="769" y="53"/>
              </a:cxn>
              <a:cxn ang="0">
                <a:pos x="877" y="15"/>
              </a:cxn>
              <a:cxn ang="0">
                <a:pos x="977" y="0"/>
              </a:cxn>
              <a:cxn ang="0">
                <a:pos x="1084" y="61"/>
              </a:cxn>
              <a:cxn ang="0">
                <a:pos x="1184" y="84"/>
              </a:cxn>
              <a:cxn ang="0">
                <a:pos x="1292" y="169"/>
              </a:cxn>
              <a:cxn ang="0">
                <a:pos x="1392" y="261"/>
              </a:cxn>
              <a:cxn ang="0">
                <a:pos x="1499" y="307"/>
              </a:cxn>
              <a:cxn ang="0">
                <a:pos x="1599" y="415"/>
              </a:cxn>
              <a:cxn ang="0">
                <a:pos x="1707" y="538"/>
              </a:cxn>
              <a:cxn ang="0">
                <a:pos x="1807" y="630"/>
              </a:cxn>
              <a:cxn ang="0">
                <a:pos x="1914" y="738"/>
              </a:cxn>
              <a:cxn ang="0">
                <a:pos x="2014" y="861"/>
              </a:cxn>
              <a:cxn ang="0">
                <a:pos x="2114" y="953"/>
              </a:cxn>
              <a:cxn ang="0">
                <a:pos x="2222" y="1037"/>
              </a:cxn>
              <a:cxn ang="0">
                <a:pos x="2322" y="1137"/>
              </a:cxn>
              <a:cxn ang="0">
                <a:pos x="2429" y="1207"/>
              </a:cxn>
              <a:cxn ang="0">
                <a:pos x="2529" y="1260"/>
              </a:cxn>
              <a:cxn ang="0">
                <a:pos x="2637" y="1337"/>
              </a:cxn>
              <a:cxn ang="0">
                <a:pos x="2737" y="1383"/>
              </a:cxn>
              <a:cxn ang="0">
                <a:pos x="2845" y="1391"/>
              </a:cxn>
              <a:cxn ang="0">
                <a:pos x="2945" y="1468"/>
              </a:cxn>
              <a:cxn ang="0">
                <a:pos x="3052" y="1483"/>
              </a:cxn>
              <a:cxn ang="0">
                <a:pos x="3152" y="1460"/>
              </a:cxn>
              <a:cxn ang="0">
                <a:pos x="3260" y="1560"/>
              </a:cxn>
              <a:cxn ang="0">
                <a:pos x="3360" y="1614"/>
              </a:cxn>
              <a:cxn ang="0">
                <a:pos x="3460" y="1576"/>
              </a:cxn>
              <a:cxn ang="0">
                <a:pos x="3567" y="1645"/>
              </a:cxn>
              <a:cxn ang="0">
                <a:pos x="3667" y="1722"/>
              </a:cxn>
              <a:cxn ang="0">
                <a:pos x="3775" y="2337"/>
              </a:cxn>
            </a:cxnLst>
            <a:rect l="0" t="0" r="r" b="b"/>
            <a:pathLst>
              <a:path w="3806" h="2613">
                <a:moveTo>
                  <a:pt x="0" y="184"/>
                </a:moveTo>
                <a:lnTo>
                  <a:pt x="46" y="184"/>
                </a:lnTo>
                <a:lnTo>
                  <a:pt x="100" y="184"/>
                </a:lnTo>
                <a:lnTo>
                  <a:pt x="154" y="176"/>
                </a:lnTo>
                <a:lnTo>
                  <a:pt x="200" y="176"/>
                </a:lnTo>
                <a:lnTo>
                  <a:pt x="254" y="176"/>
                </a:lnTo>
                <a:lnTo>
                  <a:pt x="308" y="176"/>
                </a:lnTo>
                <a:lnTo>
                  <a:pt x="362" y="176"/>
                </a:lnTo>
                <a:lnTo>
                  <a:pt x="408" y="176"/>
                </a:lnTo>
                <a:lnTo>
                  <a:pt x="461" y="169"/>
                </a:lnTo>
                <a:lnTo>
                  <a:pt x="515" y="169"/>
                </a:lnTo>
                <a:lnTo>
                  <a:pt x="569" y="161"/>
                </a:lnTo>
                <a:lnTo>
                  <a:pt x="615" y="153"/>
                </a:lnTo>
                <a:lnTo>
                  <a:pt x="669" y="115"/>
                </a:lnTo>
                <a:lnTo>
                  <a:pt x="723" y="77"/>
                </a:lnTo>
                <a:lnTo>
                  <a:pt x="769" y="53"/>
                </a:lnTo>
                <a:lnTo>
                  <a:pt x="823" y="38"/>
                </a:lnTo>
                <a:lnTo>
                  <a:pt x="877" y="15"/>
                </a:lnTo>
                <a:lnTo>
                  <a:pt x="930" y="7"/>
                </a:lnTo>
                <a:lnTo>
                  <a:pt x="977" y="0"/>
                </a:lnTo>
                <a:lnTo>
                  <a:pt x="1030" y="0"/>
                </a:lnTo>
                <a:lnTo>
                  <a:pt x="1084" y="61"/>
                </a:lnTo>
                <a:lnTo>
                  <a:pt x="1138" y="77"/>
                </a:lnTo>
                <a:lnTo>
                  <a:pt x="1184" y="84"/>
                </a:lnTo>
                <a:lnTo>
                  <a:pt x="1238" y="153"/>
                </a:lnTo>
                <a:lnTo>
                  <a:pt x="1292" y="169"/>
                </a:lnTo>
                <a:lnTo>
                  <a:pt x="1338" y="184"/>
                </a:lnTo>
                <a:lnTo>
                  <a:pt x="1392" y="261"/>
                </a:lnTo>
                <a:lnTo>
                  <a:pt x="1445" y="276"/>
                </a:lnTo>
                <a:lnTo>
                  <a:pt x="1499" y="307"/>
                </a:lnTo>
                <a:lnTo>
                  <a:pt x="1545" y="392"/>
                </a:lnTo>
                <a:lnTo>
                  <a:pt x="1599" y="415"/>
                </a:lnTo>
                <a:lnTo>
                  <a:pt x="1653" y="461"/>
                </a:lnTo>
                <a:lnTo>
                  <a:pt x="1707" y="538"/>
                </a:lnTo>
                <a:lnTo>
                  <a:pt x="1753" y="576"/>
                </a:lnTo>
                <a:lnTo>
                  <a:pt x="1807" y="630"/>
                </a:lnTo>
                <a:lnTo>
                  <a:pt x="1861" y="699"/>
                </a:lnTo>
                <a:lnTo>
                  <a:pt x="1914" y="738"/>
                </a:lnTo>
                <a:lnTo>
                  <a:pt x="1961" y="799"/>
                </a:lnTo>
                <a:lnTo>
                  <a:pt x="2014" y="861"/>
                </a:lnTo>
                <a:lnTo>
                  <a:pt x="2068" y="899"/>
                </a:lnTo>
                <a:lnTo>
                  <a:pt x="2114" y="953"/>
                </a:lnTo>
                <a:lnTo>
                  <a:pt x="2168" y="1007"/>
                </a:lnTo>
                <a:lnTo>
                  <a:pt x="2222" y="1037"/>
                </a:lnTo>
                <a:lnTo>
                  <a:pt x="2276" y="1091"/>
                </a:lnTo>
                <a:lnTo>
                  <a:pt x="2322" y="1137"/>
                </a:lnTo>
                <a:lnTo>
                  <a:pt x="2376" y="1160"/>
                </a:lnTo>
                <a:lnTo>
                  <a:pt x="2429" y="1207"/>
                </a:lnTo>
                <a:lnTo>
                  <a:pt x="2483" y="1253"/>
                </a:lnTo>
                <a:lnTo>
                  <a:pt x="2529" y="1260"/>
                </a:lnTo>
                <a:lnTo>
                  <a:pt x="2583" y="1307"/>
                </a:lnTo>
                <a:lnTo>
                  <a:pt x="2637" y="1337"/>
                </a:lnTo>
                <a:lnTo>
                  <a:pt x="2683" y="1337"/>
                </a:lnTo>
                <a:lnTo>
                  <a:pt x="2737" y="1383"/>
                </a:lnTo>
                <a:lnTo>
                  <a:pt x="2791" y="1414"/>
                </a:lnTo>
                <a:lnTo>
                  <a:pt x="2845" y="1391"/>
                </a:lnTo>
                <a:lnTo>
                  <a:pt x="2891" y="1437"/>
                </a:lnTo>
                <a:lnTo>
                  <a:pt x="2945" y="1468"/>
                </a:lnTo>
                <a:lnTo>
                  <a:pt x="2998" y="1422"/>
                </a:lnTo>
                <a:lnTo>
                  <a:pt x="3052" y="1483"/>
                </a:lnTo>
                <a:lnTo>
                  <a:pt x="3098" y="1514"/>
                </a:lnTo>
                <a:lnTo>
                  <a:pt x="3152" y="1460"/>
                </a:lnTo>
                <a:lnTo>
                  <a:pt x="3206" y="1545"/>
                </a:lnTo>
                <a:lnTo>
                  <a:pt x="3260" y="1560"/>
                </a:lnTo>
                <a:lnTo>
                  <a:pt x="3306" y="1499"/>
                </a:lnTo>
                <a:lnTo>
                  <a:pt x="3360" y="1614"/>
                </a:lnTo>
                <a:lnTo>
                  <a:pt x="3413" y="1606"/>
                </a:lnTo>
                <a:lnTo>
                  <a:pt x="3460" y="1576"/>
                </a:lnTo>
                <a:lnTo>
                  <a:pt x="3513" y="1676"/>
                </a:lnTo>
                <a:lnTo>
                  <a:pt x="3567" y="1645"/>
                </a:lnTo>
                <a:lnTo>
                  <a:pt x="3621" y="1668"/>
                </a:lnTo>
                <a:lnTo>
                  <a:pt x="3667" y="1722"/>
                </a:lnTo>
                <a:lnTo>
                  <a:pt x="3721" y="1891"/>
                </a:lnTo>
                <a:lnTo>
                  <a:pt x="3775" y="2337"/>
                </a:lnTo>
                <a:lnTo>
                  <a:pt x="3806" y="2613"/>
                </a:lnTo>
              </a:path>
            </a:pathLst>
          </a:custGeom>
          <a:noFill/>
          <a:ln w="38100" cap="flat">
            <a:solidFill>
              <a:srgbClr val="FF000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73" name="Freeform 865"/>
          <p:cNvSpPr>
            <a:spLocks/>
          </p:cNvSpPr>
          <p:nvPr/>
        </p:nvSpPr>
        <p:spPr bwMode="auto">
          <a:xfrm>
            <a:off x="2028825" y="1946275"/>
            <a:ext cx="6138863" cy="4173538"/>
          </a:xfrm>
          <a:custGeom>
            <a:avLst/>
            <a:gdLst/>
            <a:ahLst/>
            <a:cxnLst>
              <a:cxn ang="0">
                <a:pos x="46" y="192"/>
              </a:cxn>
              <a:cxn ang="0">
                <a:pos x="154" y="192"/>
              </a:cxn>
              <a:cxn ang="0">
                <a:pos x="254" y="185"/>
              </a:cxn>
              <a:cxn ang="0">
                <a:pos x="362" y="177"/>
              </a:cxn>
              <a:cxn ang="0">
                <a:pos x="461" y="162"/>
              </a:cxn>
              <a:cxn ang="0">
                <a:pos x="569" y="154"/>
              </a:cxn>
              <a:cxn ang="0">
                <a:pos x="669" y="100"/>
              </a:cxn>
              <a:cxn ang="0">
                <a:pos x="769" y="39"/>
              </a:cxn>
              <a:cxn ang="0">
                <a:pos x="877" y="8"/>
              </a:cxn>
              <a:cxn ang="0">
                <a:pos x="977" y="8"/>
              </a:cxn>
              <a:cxn ang="0">
                <a:pos x="1084" y="93"/>
              </a:cxn>
              <a:cxn ang="0">
                <a:pos x="1184" y="146"/>
              </a:cxn>
              <a:cxn ang="0">
                <a:pos x="1292" y="246"/>
              </a:cxn>
              <a:cxn ang="0">
                <a:pos x="1392" y="346"/>
              </a:cxn>
              <a:cxn ang="0">
                <a:pos x="1499" y="415"/>
              </a:cxn>
              <a:cxn ang="0">
                <a:pos x="1599" y="508"/>
              </a:cxn>
              <a:cxn ang="0">
                <a:pos x="1707" y="608"/>
              </a:cxn>
              <a:cxn ang="0">
                <a:pos x="1807" y="677"/>
              </a:cxn>
              <a:cxn ang="0">
                <a:pos x="1914" y="746"/>
              </a:cxn>
              <a:cxn ang="0">
                <a:pos x="2014" y="838"/>
              </a:cxn>
              <a:cxn ang="0">
                <a:pos x="2114" y="869"/>
              </a:cxn>
              <a:cxn ang="0">
                <a:pos x="2222" y="923"/>
              </a:cxn>
              <a:cxn ang="0">
                <a:pos x="2322" y="1015"/>
              </a:cxn>
              <a:cxn ang="0">
                <a:pos x="2429" y="992"/>
              </a:cxn>
              <a:cxn ang="0">
                <a:pos x="2529" y="1038"/>
              </a:cxn>
              <a:cxn ang="0">
                <a:pos x="2637" y="1176"/>
              </a:cxn>
              <a:cxn ang="0">
                <a:pos x="2737" y="1238"/>
              </a:cxn>
              <a:cxn ang="0">
                <a:pos x="2845" y="1299"/>
              </a:cxn>
              <a:cxn ang="0">
                <a:pos x="2945" y="1415"/>
              </a:cxn>
              <a:cxn ang="0">
                <a:pos x="3052" y="1507"/>
              </a:cxn>
              <a:cxn ang="0">
                <a:pos x="3152" y="1561"/>
              </a:cxn>
              <a:cxn ang="0">
                <a:pos x="3260" y="1676"/>
              </a:cxn>
              <a:cxn ang="0">
                <a:pos x="3360" y="1799"/>
              </a:cxn>
              <a:cxn ang="0">
                <a:pos x="3460" y="1899"/>
              </a:cxn>
              <a:cxn ang="0">
                <a:pos x="3567" y="2022"/>
              </a:cxn>
              <a:cxn ang="0">
                <a:pos x="3667" y="2176"/>
              </a:cxn>
              <a:cxn ang="0">
                <a:pos x="3775" y="2376"/>
              </a:cxn>
              <a:cxn ang="0">
                <a:pos x="3867" y="2629"/>
              </a:cxn>
            </a:cxnLst>
            <a:rect l="0" t="0" r="r" b="b"/>
            <a:pathLst>
              <a:path w="3867" h="2629">
                <a:moveTo>
                  <a:pt x="0" y="200"/>
                </a:moveTo>
                <a:lnTo>
                  <a:pt x="46" y="192"/>
                </a:lnTo>
                <a:lnTo>
                  <a:pt x="100" y="192"/>
                </a:lnTo>
                <a:lnTo>
                  <a:pt x="154" y="192"/>
                </a:lnTo>
                <a:lnTo>
                  <a:pt x="200" y="185"/>
                </a:lnTo>
                <a:lnTo>
                  <a:pt x="254" y="185"/>
                </a:lnTo>
                <a:lnTo>
                  <a:pt x="308" y="177"/>
                </a:lnTo>
                <a:lnTo>
                  <a:pt x="362" y="177"/>
                </a:lnTo>
                <a:lnTo>
                  <a:pt x="408" y="169"/>
                </a:lnTo>
                <a:lnTo>
                  <a:pt x="461" y="162"/>
                </a:lnTo>
                <a:lnTo>
                  <a:pt x="515" y="162"/>
                </a:lnTo>
                <a:lnTo>
                  <a:pt x="569" y="154"/>
                </a:lnTo>
                <a:lnTo>
                  <a:pt x="615" y="139"/>
                </a:lnTo>
                <a:lnTo>
                  <a:pt x="669" y="100"/>
                </a:lnTo>
                <a:lnTo>
                  <a:pt x="723" y="62"/>
                </a:lnTo>
                <a:lnTo>
                  <a:pt x="769" y="39"/>
                </a:lnTo>
                <a:lnTo>
                  <a:pt x="823" y="23"/>
                </a:lnTo>
                <a:lnTo>
                  <a:pt x="877" y="8"/>
                </a:lnTo>
                <a:lnTo>
                  <a:pt x="930" y="0"/>
                </a:lnTo>
                <a:lnTo>
                  <a:pt x="977" y="8"/>
                </a:lnTo>
                <a:lnTo>
                  <a:pt x="1030" y="23"/>
                </a:lnTo>
                <a:lnTo>
                  <a:pt x="1084" y="93"/>
                </a:lnTo>
                <a:lnTo>
                  <a:pt x="1138" y="116"/>
                </a:lnTo>
                <a:lnTo>
                  <a:pt x="1184" y="146"/>
                </a:lnTo>
                <a:lnTo>
                  <a:pt x="1238" y="216"/>
                </a:lnTo>
                <a:lnTo>
                  <a:pt x="1292" y="246"/>
                </a:lnTo>
                <a:lnTo>
                  <a:pt x="1338" y="277"/>
                </a:lnTo>
                <a:lnTo>
                  <a:pt x="1392" y="346"/>
                </a:lnTo>
                <a:lnTo>
                  <a:pt x="1445" y="377"/>
                </a:lnTo>
                <a:lnTo>
                  <a:pt x="1499" y="415"/>
                </a:lnTo>
                <a:lnTo>
                  <a:pt x="1545" y="485"/>
                </a:lnTo>
                <a:lnTo>
                  <a:pt x="1599" y="508"/>
                </a:lnTo>
                <a:lnTo>
                  <a:pt x="1653" y="554"/>
                </a:lnTo>
                <a:lnTo>
                  <a:pt x="1707" y="608"/>
                </a:lnTo>
                <a:lnTo>
                  <a:pt x="1753" y="638"/>
                </a:lnTo>
                <a:lnTo>
                  <a:pt x="1807" y="677"/>
                </a:lnTo>
                <a:lnTo>
                  <a:pt x="1861" y="731"/>
                </a:lnTo>
                <a:lnTo>
                  <a:pt x="1914" y="746"/>
                </a:lnTo>
                <a:lnTo>
                  <a:pt x="1961" y="784"/>
                </a:lnTo>
                <a:lnTo>
                  <a:pt x="2014" y="838"/>
                </a:lnTo>
                <a:lnTo>
                  <a:pt x="2068" y="846"/>
                </a:lnTo>
                <a:lnTo>
                  <a:pt x="2114" y="869"/>
                </a:lnTo>
                <a:lnTo>
                  <a:pt x="2168" y="930"/>
                </a:lnTo>
                <a:lnTo>
                  <a:pt x="2222" y="923"/>
                </a:lnTo>
                <a:lnTo>
                  <a:pt x="2276" y="938"/>
                </a:lnTo>
                <a:lnTo>
                  <a:pt x="2322" y="1015"/>
                </a:lnTo>
                <a:lnTo>
                  <a:pt x="2376" y="984"/>
                </a:lnTo>
                <a:lnTo>
                  <a:pt x="2429" y="992"/>
                </a:lnTo>
                <a:lnTo>
                  <a:pt x="2483" y="1084"/>
                </a:lnTo>
                <a:lnTo>
                  <a:pt x="2529" y="1038"/>
                </a:lnTo>
                <a:lnTo>
                  <a:pt x="2583" y="1053"/>
                </a:lnTo>
                <a:lnTo>
                  <a:pt x="2637" y="1176"/>
                </a:lnTo>
                <a:lnTo>
                  <a:pt x="2683" y="1169"/>
                </a:lnTo>
                <a:lnTo>
                  <a:pt x="2737" y="1238"/>
                </a:lnTo>
                <a:lnTo>
                  <a:pt x="2791" y="1299"/>
                </a:lnTo>
                <a:lnTo>
                  <a:pt x="2845" y="1299"/>
                </a:lnTo>
                <a:lnTo>
                  <a:pt x="2891" y="1369"/>
                </a:lnTo>
                <a:lnTo>
                  <a:pt x="2945" y="1415"/>
                </a:lnTo>
                <a:lnTo>
                  <a:pt x="2998" y="1422"/>
                </a:lnTo>
                <a:lnTo>
                  <a:pt x="3052" y="1507"/>
                </a:lnTo>
                <a:lnTo>
                  <a:pt x="3098" y="1538"/>
                </a:lnTo>
                <a:lnTo>
                  <a:pt x="3152" y="1561"/>
                </a:lnTo>
                <a:lnTo>
                  <a:pt x="3206" y="1645"/>
                </a:lnTo>
                <a:lnTo>
                  <a:pt x="3260" y="1676"/>
                </a:lnTo>
                <a:lnTo>
                  <a:pt x="3306" y="1722"/>
                </a:lnTo>
                <a:lnTo>
                  <a:pt x="3360" y="1799"/>
                </a:lnTo>
                <a:lnTo>
                  <a:pt x="3413" y="1838"/>
                </a:lnTo>
                <a:lnTo>
                  <a:pt x="3460" y="1899"/>
                </a:lnTo>
                <a:lnTo>
                  <a:pt x="3513" y="1976"/>
                </a:lnTo>
                <a:lnTo>
                  <a:pt x="3567" y="2022"/>
                </a:lnTo>
                <a:lnTo>
                  <a:pt x="3621" y="2091"/>
                </a:lnTo>
                <a:lnTo>
                  <a:pt x="3667" y="2176"/>
                </a:lnTo>
                <a:lnTo>
                  <a:pt x="3721" y="2260"/>
                </a:lnTo>
                <a:lnTo>
                  <a:pt x="3775" y="2376"/>
                </a:lnTo>
                <a:lnTo>
                  <a:pt x="3829" y="2514"/>
                </a:lnTo>
                <a:lnTo>
                  <a:pt x="3867" y="2629"/>
                </a:lnTo>
              </a:path>
            </a:pathLst>
          </a:custGeom>
          <a:noFill/>
          <a:ln w="38100" cap="flat">
            <a:solidFill>
              <a:srgbClr val="FFC00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77" name="Freeform 869"/>
          <p:cNvSpPr>
            <a:spLocks/>
          </p:cNvSpPr>
          <p:nvPr/>
        </p:nvSpPr>
        <p:spPr bwMode="auto">
          <a:xfrm>
            <a:off x="2028825" y="1971675"/>
            <a:ext cx="5808663" cy="4148138"/>
          </a:xfrm>
          <a:custGeom>
            <a:avLst/>
            <a:gdLst/>
            <a:ahLst/>
            <a:cxnLst>
              <a:cxn ang="0">
                <a:pos x="46" y="176"/>
              </a:cxn>
              <a:cxn ang="0">
                <a:pos x="154" y="169"/>
              </a:cxn>
              <a:cxn ang="0">
                <a:pos x="254" y="161"/>
              </a:cxn>
              <a:cxn ang="0">
                <a:pos x="362" y="146"/>
              </a:cxn>
              <a:cxn ang="0">
                <a:pos x="461" y="138"/>
              </a:cxn>
              <a:cxn ang="0">
                <a:pos x="569" y="123"/>
              </a:cxn>
              <a:cxn ang="0">
                <a:pos x="669" y="77"/>
              </a:cxn>
              <a:cxn ang="0">
                <a:pos x="769" y="15"/>
              </a:cxn>
              <a:cxn ang="0">
                <a:pos x="877" y="0"/>
              </a:cxn>
              <a:cxn ang="0">
                <a:pos x="977" y="15"/>
              </a:cxn>
              <a:cxn ang="0">
                <a:pos x="1084" y="115"/>
              </a:cxn>
              <a:cxn ang="0">
                <a:pos x="1184" y="184"/>
              </a:cxn>
              <a:cxn ang="0">
                <a:pos x="1292" y="284"/>
              </a:cxn>
              <a:cxn ang="0">
                <a:pos x="1392" y="384"/>
              </a:cxn>
              <a:cxn ang="0">
                <a:pos x="1499" y="453"/>
              </a:cxn>
              <a:cxn ang="0">
                <a:pos x="1599" y="530"/>
              </a:cxn>
              <a:cxn ang="0">
                <a:pos x="1707" y="615"/>
              </a:cxn>
              <a:cxn ang="0">
                <a:pos x="1807" y="653"/>
              </a:cxn>
              <a:cxn ang="0">
                <a:pos x="1914" y="707"/>
              </a:cxn>
              <a:cxn ang="0">
                <a:pos x="2014" y="784"/>
              </a:cxn>
              <a:cxn ang="0">
                <a:pos x="2114" y="776"/>
              </a:cxn>
              <a:cxn ang="0">
                <a:pos x="2222" y="822"/>
              </a:cxn>
              <a:cxn ang="0">
                <a:pos x="2322" y="922"/>
              </a:cxn>
              <a:cxn ang="0">
                <a:pos x="2429" y="868"/>
              </a:cxn>
              <a:cxn ang="0">
                <a:pos x="2529" y="938"/>
              </a:cxn>
              <a:cxn ang="0">
                <a:pos x="2637" y="1145"/>
              </a:cxn>
              <a:cxn ang="0">
                <a:pos x="2737" y="1314"/>
              </a:cxn>
              <a:cxn ang="0">
                <a:pos x="2845" y="1437"/>
              </a:cxn>
              <a:cxn ang="0">
                <a:pos x="2945" y="1576"/>
              </a:cxn>
              <a:cxn ang="0">
                <a:pos x="3052" y="1706"/>
              </a:cxn>
              <a:cxn ang="0">
                <a:pos x="3152" y="1829"/>
              </a:cxn>
              <a:cxn ang="0">
                <a:pos x="3260" y="1968"/>
              </a:cxn>
              <a:cxn ang="0">
                <a:pos x="3360" y="2121"/>
              </a:cxn>
              <a:cxn ang="0">
                <a:pos x="3460" y="2267"/>
              </a:cxn>
              <a:cxn ang="0">
                <a:pos x="3567" y="2429"/>
              </a:cxn>
              <a:cxn ang="0">
                <a:pos x="3659" y="2613"/>
              </a:cxn>
            </a:cxnLst>
            <a:rect l="0" t="0" r="r" b="b"/>
            <a:pathLst>
              <a:path w="3659" h="2613">
                <a:moveTo>
                  <a:pt x="0" y="184"/>
                </a:moveTo>
                <a:lnTo>
                  <a:pt x="46" y="176"/>
                </a:lnTo>
                <a:lnTo>
                  <a:pt x="100" y="169"/>
                </a:lnTo>
                <a:lnTo>
                  <a:pt x="154" y="169"/>
                </a:lnTo>
                <a:lnTo>
                  <a:pt x="200" y="161"/>
                </a:lnTo>
                <a:lnTo>
                  <a:pt x="254" y="161"/>
                </a:lnTo>
                <a:lnTo>
                  <a:pt x="308" y="153"/>
                </a:lnTo>
                <a:lnTo>
                  <a:pt x="362" y="146"/>
                </a:lnTo>
                <a:lnTo>
                  <a:pt x="408" y="146"/>
                </a:lnTo>
                <a:lnTo>
                  <a:pt x="461" y="138"/>
                </a:lnTo>
                <a:lnTo>
                  <a:pt x="515" y="130"/>
                </a:lnTo>
                <a:lnTo>
                  <a:pt x="569" y="123"/>
                </a:lnTo>
                <a:lnTo>
                  <a:pt x="615" y="115"/>
                </a:lnTo>
                <a:lnTo>
                  <a:pt x="669" y="77"/>
                </a:lnTo>
                <a:lnTo>
                  <a:pt x="723" y="38"/>
                </a:lnTo>
                <a:lnTo>
                  <a:pt x="769" y="15"/>
                </a:lnTo>
                <a:lnTo>
                  <a:pt x="823" y="7"/>
                </a:lnTo>
                <a:lnTo>
                  <a:pt x="877" y="0"/>
                </a:lnTo>
                <a:lnTo>
                  <a:pt x="930" y="7"/>
                </a:lnTo>
                <a:lnTo>
                  <a:pt x="977" y="15"/>
                </a:lnTo>
                <a:lnTo>
                  <a:pt x="1030" y="46"/>
                </a:lnTo>
                <a:lnTo>
                  <a:pt x="1084" y="115"/>
                </a:lnTo>
                <a:lnTo>
                  <a:pt x="1138" y="153"/>
                </a:lnTo>
                <a:lnTo>
                  <a:pt x="1184" y="184"/>
                </a:lnTo>
                <a:lnTo>
                  <a:pt x="1238" y="253"/>
                </a:lnTo>
                <a:lnTo>
                  <a:pt x="1292" y="284"/>
                </a:lnTo>
                <a:lnTo>
                  <a:pt x="1338" y="323"/>
                </a:lnTo>
                <a:lnTo>
                  <a:pt x="1392" y="384"/>
                </a:lnTo>
                <a:lnTo>
                  <a:pt x="1445" y="415"/>
                </a:lnTo>
                <a:lnTo>
                  <a:pt x="1499" y="453"/>
                </a:lnTo>
                <a:lnTo>
                  <a:pt x="1545" y="507"/>
                </a:lnTo>
                <a:lnTo>
                  <a:pt x="1599" y="530"/>
                </a:lnTo>
                <a:lnTo>
                  <a:pt x="1653" y="569"/>
                </a:lnTo>
                <a:lnTo>
                  <a:pt x="1707" y="615"/>
                </a:lnTo>
                <a:lnTo>
                  <a:pt x="1753" y="630"/>
                </a:lnTo>
                <a:lnTo>
                  <a:pt x="1807" y="653"/>
                </a:lnTo>
                <a:lnTo>
                  <a:pt x="1861" y="707"/>
                </a:lnTo>
                <a:lnTo>
                  <a:pt x="1914" y="707"/>
                </a:lnTo>
                <a:lnTo>
                  <a:pt x="1961" y="722"/>
                </a:lnTo>
                <a:lnTo>
                  <a:pt x="2014" y="784"/>
                </a:lnTo>
                <a:lnTo>
                  <a:pt x="2068" y="768"/>
                </a:lnTo>
                <a:lnTo>
                  <a:pt x="2114" y="776"/>
                </a:lnTo>
                <a:lnTo>
                  <a:pt x="2168" y="853"/>
                </a:lnTo>
                <a:lnTo>
                  <a:pt x="2222" y="822"/>
                </a:lnTo>
                <a:lnTo>
                  <a:pt x="2276" y="815"/>
                </a:lnTo>
                <a:lnTo>
                  <a:pt x="2322" y="922"/>
                </a:lnTo>
                <a:lnTo>
                  <a:pt x="2376" y="876"/>
                </a:lnTo>
                <a:lnTo>
                  <a:pt x="2429" y="868"/>
                </a:lnTo>
                <a:lnTo>
                  <a:pt x="2483" y="999"/>
                </a:lnTo>
                <a:lnTo>
                  <a:pt x="2529" y="938"/>
                </a:lnTo>
                <a:lnTo>
                  <a:pt x="2583" y="945"/>
                </a:lnTo>
                <a:lnTo>
                  <a:pt x="2637" y="1145"/>
                </a:lnTo>
                <a:lnTo>
                  <a:pt x="2683" y="1207"/>
                </a:lnTo>
                <a:lnTo>
                  <a:pt x="2737" y="1314"/>
                </a:lnTo>
                <a:lnTo>
                  <a:pt x="2791" y="1383"/>
                </a:lnTo>
                <a:lnTo>
                  <a:pt x="2845" y="1437"/>
                </a:lnTo>
                <a:lnTo>
                  <a:pt x="2891" y="1522"/>
                </a:lnTo>
                <a:lnTo>
                  <a:pt x="2945" y="1576"/>
                </a:lnTo>
                <a:lnTo>
                  <a:pt x="2998" y="1637"/>
                </a:lnTo>
                <a:lnTo>
                  <a:pt x="3052" y="1706"/>
                </a:lnTo>
                <a:lnTo>
                  <a:pt x="3098" y="1768"/>
                </a:lnTo>
                <a:lnTo>
                  <a:pt x="3152" y="1829"/>
                </a:lnTo>
                <a:lnTo>
                  <a:pt x="3206" y="1906"/>
                </a:lnTo>
                <a:lnTo>
                  <a:pt x="3260" y="1968"/>
                </a:lnTo>
                <a:lnTo>
                  <a:pt x="3306" y="2045"/>
                </a:lnTo>
                <a:lnTo>
                  <a:pt x="3360" y="2121"/>
                </a:lnTo>
                <a:lnTo>
                  <a:pt x="3413" y="2191"/>
                </a:lnTo>
                <a:lnTo>
                  <a:pt x="3460" y="2267"/>
                </a:lnTo>
                <a:lnTo>
                  <a:pt x="3513" y="2352"/>
                </a:lnTo>
                <a:lnTo>
                  <a:pt x="3567" y="2429"/>
                </a:lnTo>
                <a:lnTo>
                  <a:pt x="3621" y="2521"/>
                </a:lnTo>
                <a:lnTo>
                  <a:pt x="3659" y="2613"/>
                </a:lnTo>
              </a:path>
            </a:pathLst>
          </a:custGeom>
          <a:noFill/>
          <a:ln w="38100" cap="flat">
            <a:solidFill>
              <a:srgbClr val="FFC00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pSp>
        <p:nvGrpSpPr>
          <p:cNvPr id="7" name="Group 919"/>
          <p:cNvGrpSpPr/>
          <p:nvPr/>
        </p:nvGrpSpPr>
        <p:grpSpPr>
          <a:xfrm>
            <a:off x="992188" y="373063"/>
            <a:ext cx="7004050" cy="5746750"/>
            <a:chOff x="992188" y="373063"/>
            <a:chExt cx="7004050" cy="5746750"/>
          </a:xfrm>
        </p:grpSpPr>
        <p:sp>
          <p:nvSpPr>
            <p:cNvPr id="18274" name="Freeform 866"/>
            <p:cNvSpPr>
              <a:spLocks/>
            </p:cNvSpPr>
            <p:nvPr/>
          </p:nvSpPr>
          <p:spPr bwMode="auto">
            <a:xfrm>
              <a:off x="992188" y="384175"/>
              <a:ext cx="2012950" cy="1465263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0" y="8"/>
                </a:cxn>
                <a:cxn ang="0">
                  <a:pos x="38" y="39"/>
                </a:cxn>
                <a:cxn ang="0">
                  <a:pos x="84" y="77"/>
                </a:cxn>
                <a:cxn ang="0">
                  <a:pos x="123" y="108"/>
                </a:cxn>
                <a:cxn ang="0">
                  <a:pos x="161" y="139"/>
                </a:cxn>
                <a:cxn ang="0">
                  <a:pos x="200" y="177"/>
                </a:cxn>
                <a:cxn ang="0">
                  <a:pos x="238" y="208"/>
                </a:cxn>
                <a:cxn ang="0">
                  <a:pos x="277" y="239"/>
                </a:cxn>
                <a:cxn ang="0">
                  <a:pos x="323" y="277"/>
                </a:cxn>
                <a:cxn ang="0">
                  <a:pos x="361" y="308"/>
                </a:cxn>
                <a:cxn ang="0">
                  <a:pos x="400" y="339"/>
                </a:cxn>
                <a:cxn ang="0">
                  <a:pos x="438" y="369"/>
                </a:cxn>
                <a:cxn ang="0">
                  <a:pos x="476" y="400"/>
                </a:cxn>
                <a:cxn ang="0">
                  <a:pos x="515" y="431"/>
                </a:cxn>
                <a:cxn ang="0">
                  <a:pos x="553" y="462"/>
                </a:cxn>
                <a:cxn ang="0">
                  <a:pos x="653" y="523"/>
                </a:cxn>
                <a:cxn ang="0">
                  <a:pos x="699" y="561"/>
                </a:cxn>
                <a:cxn ang="0">
                  <a:pos x="753" y="600"/>
                </a:cxn>
                <a:cxn ang="0">
                  <a:pos x="807" y="631"/>
                </a:cxn>
                <a:cxn ang="0">
                  <a:pos x="853" y="661"/>
                </a:cxn>
                <a:cxn ang="0">
                  <a:pos x="907" y="700"/>
                </a:cxn>
                <a:cxn ang="0">
                  <a:pos x="961" y="731"/>
                </a:cxn>
                <a:cxn ang="0">
                  <a:pos x="1015" y="761"/>
                </a:cxn>
                <a:cxn ang="0">
                  <a:pos x="1061" y="792"/>
                </a:cxn>
                <a:cxn ang="0">
                  <a:pos x="1114" y="823"/>
                </a:cxn>
                <a:cxn ang="0">
                  <a:pos x="1168" y="861"/>
                </a:cxn>
                <a:cxn ang="0">
                  <a:pos x="1222" y="892"/>
                </a:cxn>
                <a:cxn ang="0">
                  <a:pos x="1268" y="923"/>
                </a:cxn>
              </a:cxnLst>
              <a:rect l="0" t="0" r="r" b="b"/>
              <a:pathLst>
                <a:path w="1268" h="923">
                  <a:moveTo>
                    <a:pt x="0" y="0"/>
                  </a:moveTo>
                  <a:lnTo>
                    <a:pt x="0" y="8"/>
                  </a:lnTo>
                  <a:lnTo>
                    <a:pt x="38" y="39"/>
                  </a:lnTo>
                  <a:lnTo>
                    <a:pt x="84" y="77"/>
                  </a:lnTo>
                  <a:lnTo>
                    <a:pt x="123" y="108"/>
                  </a:lnTo>
                  <a:lnTo>
                    <a:pt x="161" y="139"/>
                  </a:lnTo>
                  <a:lnTo>
                    <a:pt x="200" y="177"/>
                  </a:lnTo>
                  <a:lnTo>
                    <a:pt x="238" y="208"/>
                  </a:lnTo>
                  <a:lnTo>
                    <a:pt x="277" y="239"/>
                  </a:lnTo>
                  <a:lnTo>
                    <a:pt x="323" y="277"/>
                  </a:lnTo>
                  <a:lnTo>
                    <a:pt x="361" y="308"/>
                  </a:lnTo>
                  <a:lnTo>
                    <a:pt x="400" y="339"/>
                  </a:lnTo>
                  <a:lnTo>
                    <a:pt x="438" y="369"/>
                  </a:lnTo>
                  <a:lnTo>
                    <a:pt x="476" y="400"/>
                  </a:lnTo>
                  <a:lnTo>
                    <a:pt x="515" y="431"/>
                  </a:lnTo>
                  <a:lnTo>
                    <a:pt x="553" y="462"/>
                  </a:lnTo>
                  <a:lnTo>
                    <a:pt x="653" y="523"/>
                  </a:lnTo>
                  <a:lnTo>
                    <a:pt x="699" y="561"/>
                  </a:lnTo>
                  <a:lnTo>
                    <a:pt x="753" y="600"/>
                  </a:lnTo>
                  <a:lnTo>
                    <a:pt x="807" y="631"/>
                  </a:lnTo>
                  <a:lnTo>
                    <a:pt x="853" y="661"/>
                  </a:lnTo>
                  <a:lnTo>
                    <a:pt x="907" y="700"/>
                  </a:lnTo>
                  <a:lnTo>
                    <a:pt x="961" y="731"/>
                  </a:lnTo>
                  <a:lnTo>
                    <a:pt x="1015" y="761"/>
                  </a:lnTo>
                  <a:lnTo>
                    <a:pt x="1061" y="792"/>
                  </a:lnTo>
                  <a:lnTo>
                    <a:pt x="1114" y="823"/>
                  </a:lnTo>
                  <a:lnTo>
                    <a:pt x="1168" y="861"/>
                  </a:lnTo>
                  <a:lnTo>
                    <a:pt x="1222" y="892"/>
                  </a:lnTo>
                  <a:lnTo>
                    <a:pt x="1268" y="923"/>
                  </a:lnTo>
                </a:path>
              </a:pathLst>
            </a:custGeom>
            <a:noFill/>
            <a:ln w="22225" cap="flat">
              <a:solidFill>
                <a:srgbClr val="00B05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8275" name="Freeform 867"/>
            <p:cNvSpPr>
              <a:spLocks/>
            </p:cNvSpPr>
            <p:nvPr/>
          </p:nvSpPr>
          <p:spPr bwMode="auto">
            <a:xfrm>
              <a:off x="2028825" y="1958975"/>
              <a:ext cx="5967413" cy="4160838"/>
            </a:xfrm>
            <a:custGeom>
              <a:avLst/>
              <a:gdLst/>
              <a:ahLst/>
              <a:cxnLst>
                <a:cxn ang="0">
                  <a:pos x="46" y="184"/>
                </a:cxn>
                <a:cxn ang="0">
                  <a:pos x="154" y="177"/>
                </a:cxn>
                <a:cxn ang="0">
                  <a:pos x="254" y="169"/>
                </a:cxn>
                <a:cxn ang="0">
                  <a:pos x="362" y="161"/>
                </a:cxn>
                <a:cxn ang="0">
                  <a:pos x="461" y="146"/>
                </a:cxn>
                <a:cxn ang="0">
                  <a:pos x="569" y="138"/>
                </a:cxn>
                <a:cxn ang="0">
                  <a:pos x="669" y="85"/>
                </a:cxn>
                <a:cxn ang="0">
                  <a:pos x="769" y="23"/>
                </a:cxn>
                <a:cxn ang="0">
                  <a:pos x="877" y="0"/>
                </a:cxn>
                <a:cxn ang="0">
                  <a:pos x="977" y="15"/>
                </a:cxn>
                <a:cxn ang="0">
                  <a:pos x="1084" y="108"/>
                </a:cxn>
                <a:cxn ang="0">
                  <a:pos x="1184" y="177"/>
                </a:cxn>
                <a:cxn ang="0">
                  <a:pos x="1292" y="277"/>
                </a:cxn>
                <a:cxn ang="0">
                  <a:pos x="1392" y="377"/>
                </a:cxn>
                <a:cxn ang="0">
                  <a:pos x="1499" y="446"/>
                </a:cxn>
                <a:cxn ang="0">
                  <a:pos x="1599" y="530"/>
                </a:cxn>
                <a:cxn ang="0">
                  <a:pos x="1707" y="615"/>
                </a:cxn>
                <a:cxn ang="0">
                  <a:pos x="1807" y="669"/>
                </a:cxn>
                <a:cxn ang="0">
                  <a:pos x="1914" y="723"/>
                </a:cxn>
                <a:cxn ang="0">
                  <a:pos x="2014" y="807"/>
                </a:cxn>
                <a:cxn ang="0">
                  <a:pos x="2114" y="807"/>
                </a:cxn>
                <a:cxn ang="0">
                  <a:pos x="2222" y="853"/>
                </a:cxn>
                <a:cxn ang="0">
                  <a:pos x="2322" y="953"/>
                </a:cxn>
                <a:cxn ang="0">
                  <a:pos x="2429" y="907"/>
                </a:cxn>
                <a:cxn ang="0">
                  <a:pos x="2529" y="969"/>
                </a:cxn>
                <a:cxn ang="0">
                  <a:pos x="2637" y="1145"/>
                </a:cxn>
                <a:cxn ang="0">
                  <a:pos x="2737" y="1268"/>
                </a:cxn>
                <a:cxn ang="0">
                  <a:pos x="2845" y="1368"/>
                </a:cxn>
                <a:cxn ang="0">
                  <a:pos x="2945" y="1491"/>
                </a:cxn>
                <a:cxn ang="0">
                  <a:pos x="3052" y="1614"/>
                </a:cxn>
                <a:cxn ang="0">
                  <a:pos x="3152" y="1714"/>
                </a:cxn>
                <a:cxn ang="0">
                  <a:pos x="3260" y="1837"/>
                </a:cxn>
                <a:cxn ang="0">
                  <a:pos x="3360" y="1976"/>
                </a:cxn>
                <a:cxn ang="0">
                  <a:pos x="3460" y="2099"/>
                </a:cxn>
                <a:cxn ang="0">
                  <a:pos x="3567" y="2237"/>
                </a:cxn>
                <a:cxn ang="0">
                  <a:pos x="3667" y="2414"/>
                </a:cxn>
                <a:cxn ang="0">
                  <a:pos x="3759" y="2621"/>
                </a:cxn>
              </a:cxnLst>
              <a:rect l="0" t="0" r="r" b="b"/>
              <a:pathLst>
                <a:path w="3759" h="2621">
                  <a:moveTo>
                    <a:pt x="0" y="192"/>
                  </a:moveTo>
                  <a:lnTo>
                    <a:pt x="46" y="184"/>
                  </a:lnTo>
                  <a:lnTo>
                    <a:pt x="100" y="184"/>
                  </a:lnTo>
                  <a:lnTo>
                    <a:pt x="154" y="177"/>
                  </a:lnTo>
                  <a:lnTo>
                    <a:pt x="200" y="177"/>
                  </a:lnTo>
                  <a:lnTo>
                    <a:pt x="254" y="169"/>
                  </a:lnTo>
                  <a:lnTo>
                    <a:pt x="308" y="161"/>
                  </a:lnTo>
                  <a:lnTo>
                    <a:pt x="362" y="161"/>
                  </a:lnTo>
                  <a:lnTo>
                    <a:pt x="408" y="154"/>
                  </a:lnTo>
                  <a:lnTo>
                    <a:pt x="461" y="146"/>
                  </a:lnTo>
                  <a:lnTo>
                    <a:pt x="515" y="146"/>
                  </a:lnTo>
                  <a:lnTo>
                    <a:pt x="569" y="138"/>
                  </a:lnTo>
                  <a:lnTo>
                    <a:pt x="615" y="123"/>
                  </a:lnTo>
                  <a:lnTo>
                    <a:pt x="669" y="85"/>
                  </a:lnTo>
                  <a:lnTo>
                    <a:pt x="723" y="46"/>
                  </a:lnTo>
                  <a:lnTo>
                    <a:pt x="769" y="23"/>
                  </a:lnTo>
                  <a:lnTo>
                    <a:pt x="823" y="15"/>
                  </a:lnTo>
                  <a:lnTo>
                    <a:pt x="877" y="0"/>
                  </a:lnTo>
                  <a:lnTo>
                    <a:pt x="930" y="8"/>
                  </a:lnTo>
                  <a:lnTo>
                    <a:pt x="977" y="15"/>
                  </a:lnTo>
                  <a:lnTo>
                    <a:pt x="1030" y="38"/>
                  </a:lnTo>
                  <a:lnTo>
                    <a:pt x="1084" y="108"/>
                  </a:lnTo>
                  <a:lnTo>
                    <a:pt x="1138" y="138"/>
                  </a:lnTo>
                  <a:lnTo>
                    <a:pt x="1184" y="177"/>
                  </a:lnTo>
                  <a:lnTo>
                    <a:pt x="1238" y="246"/>
                  </a:lnTo>
                  <a:lnTo>
                    <a:pt x="1292" y="277"/>
                  </a:lnTo>
                  <a:lnTo>
                    <a:pt x="1338" y="315"/>
                  </a:lnTo>
                  <a:lnTo>
                    <a:pt x="1392" y="377"/>
                  </a:lnTo>
                  <a:lnTo>
                    <a:pt x="1445" y="407"/>
                  </a:lnTo>
                  <a:lnTo>
                    <a:pt x="1499" y="446"/>
                  </a:lnTo>
                  <a:lnTo>
                    <a:pt x="1545" y="507"/>
                  </a:lnTo>
                  <a:lnTo>
                    <a:pt x="1599" y="530"/>
                  </a:lnTo>
                  <a:lnTo>
                    <a:pt x="1653" y="569"/>
                  </a:lnTo>
                  <a:lnTo>
                    <a:pt x="1707" y="615"/>
                  </a:lnTo>
                  <a:lnTo>
                    <a:pt x="1753" y="638"/>
                  </a:lnTo>
                  <a:lnTo>
                    <a:pt x="1807" y="669"/>
                  </a:lnTo>
                  <a:lnTo>
                    <a:pt x="1861" y="715"/>
                  </a:lnTo>
                  <a:lnTo>
                    <a:pt x="1914" y="723"/>
                  </a:lnTo>
                  <a:lnTo>
                    <a:pt x="1961" y="746"/>
                  </a:lnTo>
                  <a:lnTo>
                    <a:pt x="2014" y="807"/>
                  </a:lnTo>
                  <a:lnTo>
                    <a:pt x="2068" y="792"/>
                  </a:lnTo>
                  <a:lnTo>
                    <a:pt x="2114" y="807"/>
                  </a:lnTo>
                  <a:lnTo>
                    <a:pt x="2168" y="884"/>
                  </a:lnTo>
                  <a:lnTo>
                    <a:pt x="2222" y="853"/>
                  </a:lnTo>
                  <a:lnTo>
                    <a:pt x="2276" y="853"/>
                  </a:lnTo>
                  <a:lnTo>
                    <a:pt x="2322" y="953"/>
                  </a:lnTo>
                  <a:lnTo>
                    <a:pt x="2376" y="915"/>
                  </a:lnTo>
                  <a:lnTo>
                    <a:pt x="2429" y="907"/>
                  </a:lnTo>
                  <a:lnTo>
                    <a:pt x="2483" y="1022"/>
                  </a:lnTo>
                  <a:lnTo>
                    <a:pt x="2529" y="969"/>
                  </a:lnTo>
                  <a:lnTo>
                    <a:pt x="2583" y="969"/>
                  </a:lnTo>
                  <a:lnTo>
                    <a:pt x="2637" y="1145"/>
                  </a:lnTo>
                  <a:lnTo>
                    <a:pt x="2683" y="1176"/>
                  </a:lnTo>
                  <a:lnTo>
                    <a:pt x="2737" y="1268"/>
                  </a:lnTo>
                  <a:lnTo>
                    <a:pt x="2791" y="1330"/>
                  </a:lnTo>
                  <a:lnTo>
                    <a:pt x="2845" y="1368"/>
                  </a:lnTo>
                  <a:lnTo>
                    <a:pt x="2891" y="1445"/>
                  </a:lnTo>
                  <a:lnTo>
                    <a:pt x="2945" y="1491"/>
                  </a:lnTo>
                  <a:lnTo>
                    <a:pt x="2998" y="1537"/>
                  </a:lnTo>
                  <a:lnTo>
                    <a:pt x="3052" y="1614"/>
                  </a:lnTo>
                  <a:lnTo>
                    <a:pt x="3098" y="1660"/>
                  </a:lnTo>
                  <a:lnTo>
                    <a:pt x="3152" y="1714"/>
                  </a:lnTo>
                  <a:lnTo>
                    <a:pt x="3206" y="1783"/>
                  </a:lnTo>
                  <a:lnTo>
                    <a:pt x="3260" y="1837"/>
                  </a:lnTo>
                  <a:lnTo>
                    <a:pt x="3306" y="1899"/>
                  </a:lnTo>
                  <a:lnTo>
                    <a:pt x="3360" y="1976"/>
                  </a:lnTo>
                  <a:lnTo>
                    <a:pt x="3413" y="2029"/>
                  </a:lnTo>
                  <a:lnTo>
                    <a:pt x="3460" y="2099"/>
                  </a:lnTo>
                  <a:lnTo>
                    <a:pt x="3513" y="2176"/>
                  </a:lnTo>
                  <a:lnTo>
                    <a:pt x="3567" y="2237"/>
                  </a:lnTo>
                  <a:lnTo>
                    <a:pt x="3621" y="2322"/>
                  </a:lnTo>
                  <a:lnTo>
                    <a:pt x="3667" y="2414"/>
                  </a:lnTo>
                  <a:lnTo>
                    <a:pt x="3721" y="2529"/>
                  </a:lnTo>
                  <a:lnTo>
                    <a:pt x="3759" y="2621"/>
                  </a:lnTo>
                </a:path>
              </a:pathLst>
            </a:custGeom>
            <a:noFill/>
            <a:ln w="38100" cap="flat">
              <a:solidFill>
                <a:srgbClr val="FFC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8278" name="Freeform 870"/>
            <p:cNvSpPr>
              <a:spLocks/>
            </p:cNvSpPr>
            <p:nvPr/>
          </p:nvSpPr>
          <p:spPr bwMode="auto">
            <a:xfrm>
              <a:off x="992188" y="373063"/>
              <a:ext cx="2012950" cy="1476375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38" y="38"/>
                </a:cxn>
                <a:cxn ang="0">
                  <a:pos x="84" y="69"/>
                </a:cxn>
                <a:cxn ang="0">
                  <a:pos x="123" y="100"/>
                </a:cxn>
                <a:cxn ang="0">
                  <a:pos x="161" y="138"/>
                </a:cxn>
                <a:cxn ang="0">
                  <a:pos x="200" y="169"/>
                </a:cxn>
                <a:cxn ang="0">
                  <a:pos x="238" y="199"/>
                </a:cxn>
                <a:cxn ang="0">
                  <a:pos x="277" y="230"/>
                </a:cxn>
                <a:cxn ang="0">
                  <a:pos x="323" y="261"/>
                </a:cxn>
                <a:cxn ang="0">
                  <a:pos x="361" y="292"/>
                </a:cxn>
                <a:cxn ang="0">
                  <a:pos x="400" y="322"/>
                </a:cxn>
                <a:cxn ang="0">
                  <a:pos x="438" y="353"/>
                </a:cxn>
                <a:cxn ang="0">
                  <a:pos x="476" y="384"/>
                </a:cxn>
                <a:cxn ang="0">
                  <a:pos x="515" y="415"/>
                </a:cxn>
                <a:cxn ang="0">
                  <a:pos x="553" y="445"/>
                </a:cxn>
                <a:cxn ang="0">
                  <a:pos x="653" y="507"/>
                </a:cxn>
                <a:cxn ang="0">
                  <a:pos x="699" y="545"/>
                </a:cxn>
                <a:cxn ang="0">
                  <a:pos x="753" y="576"/>
                </a:cxn>
                <a:cxn ang="0">
                  <a:pos x="807" y="615"/>
                </a:cxn>
                <a:cxn ang="0">
                  <a:pos x="853" y="645"/>
                </a:cxn>
                <a:cxn ang="0">
                  <a:pos x="907" y="684"/>
                </a:cxn>
                <a:cxn ang="0">
                  <a:pos x="961" y="715"/>
                </a:cxn>
                <a:cxn ang="0">
                  <a:pos x="1015" y="753"/>
                </a:cxn>
                <a:cxn ang="0">
                  <a:pos x="1061" y="784"/>
                </a:cxn>
                <a:cxn ang="0">
                  <a:pos x="1114" y="822"/>
                </a:cxn>
                <a:cxn ang="0">
                  <a:pos x="1168" y="861"/>
                </a:cxn>
                <a:cxn ang="0">
                  <a:pos x="1222" y="891"/>
                </a:cxn>
                <a:cxn ang="0">
                  <a:pos x="1268" y="930"/>
                </a:cxn>
              </a:cxnLst>
              <a:rect l="0" t="0" r="r" b="b"/>
              <a:pathLst>
                <a:path w="1268" h="930">
                  <a:moveTo>
                    <a:pt x="0" y="0"/>
                  </a:moveTo>
                  <a:lnTo>
                    <a:pt x="38" y="38"/>
                  </a:lnTo>
                  <a:lnTo>
                    <a:pt x="84" y="69"/>
                  </a:lnTo>
                  <a:lnTo>
                    <a:pt x="123" y="100"/>
                  </a:lnTo>
                  <a:lnTo>
                    <a:pt x="161" y="138"/>
                  </a:lnTo>
                  <a:lnTo>
                    <a:pt x="200" y="169"/>
                  </a:lnTo>
                  <a:lnTo>
                    <a:pt x="238" y="199"/>
                  </a:lnTo>
                  <a:lnTo>
                    <a:pt x="277" y="230"/>
                  </a:lnTo>
                  <a:lnTo>
                    <a:pt x="323" y="261"/>
                  </a:lnTo>
                  <a:lnTo>
                    <a:pt x="361" y="292"/>
                  </a:lnTo>
                  <a:lnTo>
                    <a:pt x="400" y="322"/>
                  </a:lnTo>
                  <a:lnTo>
                    <a:pt x="438" y="353"/>
                  </a:lnTo>
                  <a:lnTo>
                    <a:pt x="476" y="384"/>
                  </a:lnTo>
                  <a:lnTo>
                    <a:pt x="515" y="415"/>
                  </a:lnTo>
                  <a:lnTo>
                    <a:pt x="553" y="445"/>
                  </a:lnTo>
                  <a:lnTo>
                    <a:pt x="653" y="507"/>
                  </a:lnTo>
                  <a:lnTo>
                    <a:pt x="699" y="545"/>
                  </a:lnTo>
                  <a:lnTo>
                    <a:pt x="753" y="576"/>
                  </a:lnTo>
                  <a:lnTo>
                    <a:pt x="807" y="615"/>
                  </a:lnTo>
                  <a:lnTo>
                    <a:pt x="853" y="645"/>
                  </a:lnTo>
                  <a:lnTo>
                    <a:pt x="907" y="684"/>
                  </a:lnTo>
                  <a:lnTo>
                    <a:pt x="961" y="715"/>
                  </a:lnTo>
                  <a:lnTo>
                    <a:pt x="1015" y="753"/>
                  </a:lnTo>
                  <a:lnTo>
                    <a:pt x="1061" y="784"/>
                  </a:lnTo>
                  <a:lnTo>
                    <a:pt x="1114" y="822"/>
                  </a:lnTo>
                  <a:lnTo>
                    <a:pt x="1168" y="861"/>
                  </a:lnTo>
                  <a:lnTo>
                    <a:pt x="1222" y="891"/>
                  </a:lnTo>
                  <a:lnTo>
                    <a:pt x="1268" y="930"/>
                  </a:lnTo>
                </a:path>
              </a:pathLst>
            </a:custGeom>
            <a:noFill/>
            <a:ln w="15" cap="flat">
              <a:solidFill>
                <a:schemeClr val="tx1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grpSp>
        <p:nvGrpSpPr>
          <p:cNvPr id="8" name="Group 920"/>
          <p:cNvGrpSpPr/>
          <p:nvPr/>
        </p:nvGrpSpPr>
        <p:grpSpPr>
          <a:xfrm>
            <a:off x="992188" y="384175"/>
            <a:ext cx="6699250" cy="5735638"/>
            <a:chOff x="992188" y="384175"/>
            <a:chExt cx="6699250" cy="5735638"/>
          </a:xfrm>
        </p:grpSpPr>
        <p:sp>
          <p:nvSpPr>
            <p:cNvPr id="18272" name="Freeform 864"/>
            <p:cNvSpPr>
              <a:spLocks/>
            </p:cNvSpPr>
            <p:nvPr/>
          </p:nvSpPr>
          <p:spPr bwMode="auto">
            <a:xfrm>
              <a:off x="992188" y="384175"/>
              <a:ext cx="2012950" cy="1489075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0" y="8"/>
                </a:cxn>
                <a:cxn ang="0">
                  <a:pos x="38" y="46"/>
                </a:cxn>
                <a:cxn ang="0">
                  <a:pos x="84" y="77"/>
                </a:cxn>
                <a:cxn ang="0">
                  <a:pos x="123" y="116"/>
                </a:cxn>
                <a:cxn ang="0">
                  <a:pos x="161" y="146"/>
                </a:cxn>
                <a:cxn ang="0">
                  <a:pos x="200" y="185"/>
                </a:cxn>
                <a:cxn ang="0">
                  <a:pos x="238" y="216"/>
                </a:cxn>
                <a:cxn ang="0">
                  <a:pos x="277" y="254"/>
                </a:cxn>
                <a:cxn ang="0">
                  <a:pos x="323" y="285"/>
                </a:cxn>
                <a:cxn ang="0">
                  <a:pos x="361" y="323"/>
                </a:cxn>
                <a:cxn ang="0">
                  <a:pos x="400" y="354"/>
                </a:cxn>
                <a:cxn ang="0">
                  <a:pos x="438" y="385"/>
                </a:cxn>
                <a:cxn ang="0">
                  <a:pos x="476" y="423"/>
                </a:cxn>
                <a:cxn ang="0">
                  <a:pos x="515" y="454"/>
                </a:cxn>
                <a:cxn ang="0">
                  <a:pos x="553" y="485"/>
                </a:cxn>
                <a:cxn ang="0">
                  <a:pos x="653" y="554"/>
                </a:cxn>
                <a:cxn ang="0">
                  <a:pos x="699" y="592"/>
                </a:cxn>
                <a:cxn ang="0">
                  <a:pos x="753" y="631"/>
                </a:cxn>
                <a:cxn ang="0">
                  <a:pos x="807" y="661"/>
                </a:cxn>
                <a:cxn ang="0">
                  <a:pos x="853" y="700"/>
                </a:cxn>
                <a:cxn ang="0">
                  <a:pos x="907" y="731"/>
                </a:cxn>
                <a:cxn ang="0">
                  <a:pos x="961" y="761"/>
                </a:cxn>
                <a:cxn ang="0">
                  <a:pos x="1015" y="792"/>
                </a:cxn>
                <a:cxn ang="0">
                  <a:pos x="1061" y="823"/>
                </a:cxn>
                <a:cxn ang="0">
                  <a:pos x="1114" y="854"/>
                </a:cxn>
                <a:cxn ang="0">
                  <a:pos x="1168" y="884"/>
                </a:cxn>
                <a:cxn ang="0">
                  <a:pos x="1222" y="915"/>
                </a:cxn>
                <a:cxn ang="0">
                  <a:pos x="1268" y="938"/>
                </a:cxn>
              </a:cxnLst>
              <a:rect l="0" t="0" r="r" b="b"/>
              <a:pathLst>
                <a:path w="1268" h="938">
                  <a:moveTo>
                    <a:pt x="0" y="0"/>
                  </a:moveTo>
                  <a:lnTo>
                    <a:pt x="0" y="8"/>
                  </a:lnTo>
                  <a:lnTo>
                    <a:pt x="38" y="46"/>
                  </a:lnTo>
                  <a:lnTo>
                    <a:pt x="84" y="77"/>
                  </a:lnTo>
                  <a:lnTo>
                    <a:pt x="123" y="116"/>
                  </a:lnTo>
                  <a:lnTo>
                    <a:pt x="161" y="146"/>
                  </a:lnTo>
                  <a:lnTo>
                    <a:pt x="200" y="185"/>
                  </a:lnTo>
                  <a:lnTo>
                    <a:pt x="238" y="216"/>
                  </a:lnTo>
                  <a:lnTo>
                    <a:pt x="277" y="254"/>
                  </a:lnTo>
                  <a:lnTo>
                    <a:pt x="323" y="285"/>
                  </a:lnTo>
                  <a:lnTo>
                    <a:pt x="361" y="323"/>
                  </a:lnTo>
                  <a:lnTo>
                    <a:pt x="400" y="354"/>
                  </a:lnTo>
                  <a:lnTo>
                    <a:pt x="438" y="385"/>
                  </a:lnTo>
                  <a:lnTo>
                    <a:pt x="476" y="423"/>
                  </a:lnTo>
                  <a:lnTo>
                    <a:pt x="515" y="454"/>
                  </a:lnTo>
                  <a:lnTo>
                    <a:pt x="553" y="485"/>
                  </a:lnTo>
                  <a:lnTo>
                    <a:pt x="653" y="554"/>
                  </a:lnTo>
                  <a:lnTo>
                    <a:pt x="699" y="592"/>
                  </a:lnTo>
                  <a:lnTo>
                    <a:pt x="753" y="631"/>
                  </a:lnTo>
                  <a:lnTo>
                    <a:pt x="807" y="661"/>
                  </a:lnTo>
                  <a:lnTo>
                    <a:pt x="853" y="700"/>
                  </a:lnTo>
                  <a:lnTo>
                    <a:pt x="907" y="731"/>
                  </a:lnTo>
                  <a:lnTo>
                    <a:pt x="961" y="761"/>
                  </a:lnTo>
                  <a:lnTo>
                    <a:pt x="1015" y="792"/>
                  </a:lnTo>
                  <a:lnTo>
                    <a:pt x="1061" y="823"/>
                  </a:lnTo>
                  <a:lnTo>
                    <a:pt x="1114" y="854"/>
                  </a:lnTo>
                  <a:lnTo>
                    <a:pt x="1168" y="884"/>
                  </a:lnTo>
                  <a:lnTo>
                    <a:pt x="1222" y="915"/>
                  </a:lnTo>
                  <a:lnTo>
                    <a:pt x="1268" y="938"/>
                  </a:lnTo>
                </a:path>
              </a:pathLst>
            </a:custGeom>
            <a:noFill/>
            <a:ln w="22225" cap="flat">
              <a:solidFill>
                <a:srgbClr val="00B05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8279" name="Freeform 871"/>
            <p:cNvSpPr>
              <a:spLocks/>
            </p:cNvSpPr>
            <p:nvPr/>
          </p:nvSpPr>
          <p:spPr bwMode="auto">
            <a:xfrm>
              <a:off x="2028825" y="1971675"/>
              <a:ext cx="5662613" cy="4148138"/>
            </a:xfrm>
            <a:custGeom>
              <a:avLst/>
              <a:gdLst/>
              <a:ahLst/>
              <a:cxnLst>
                <a:cxn ang="0">
                  <a:pos x="46" y="176"/>
                </a:cxn>
                <a:cxn ang="0">
                  <a:pos x="154" y="169"/>
                </a:cxn>
                <a:cxn ang="0">
                  <a:pos x="254" y="161"/>
                </a:cxn>
                <a:cxn ang="0">
                  <a:pos x="362" y="146"/>
                </a:cxn>
                <a:cxn ang="0">
                  <a:pos x="461" y="138"/>
                </a:cxn>
                <a:cxn ang="0">
                  <a:pos x="569" y="123"/>
                </a:cxn>
                <a:cxn ang="0">
                  <a:pos x="669" y="77"/>
                </a:cxn>
                <a:cxn ang="0">
                  <a:pos x="769" y="23"/>
                </a:cxn>
                <a:cxn ang="0">
                  <a:pos x="877" y="0"/>
                </a:cxn>
                <a:cxn ang="0">
                  <a:pos x="977" y="23"/>
                </a:cxn>
                <a:cxn ang="0">
                  <a:pos x="1084" y="123"/>
                </a:cxn>
                <a:cxn ang="0">
                  <a:pos x="1184" y="200"/>
                </a:cxn>
                <a:cxn ang="0">
                  <a:pos x="1292" y="299"/>
                </a:cxn>
                <a:cxn ang="0">
                  <a:pos x="1392" y="399"/>
                </a:cxn>
                <a:cxn ang="0">
                  <a:pos x="1499" y="461"/>
                </a:cxn>
                <a:cxn ang="0">
                  <a:pos x="1599" y="538"/>
                </a:cxn>
                <a:cxn ang="0">
                  <a:pos x="1707" y="615"/>
                </a:cxn>
                <a:cxn ang="0">
                  <a:pos x="1807" y="653"/>
                </a:cxn>
                <a:cxn ang="0">
                  <a:pos x="1914" y="699"/>
                </a:cxn>
                <a:cxn ang="0">
                  <a:pos x="2014" y="776"/>
                </a:cxn>
                <a:cxn ang="0">
                  <a:pos x="2114" y="761"/>
                </a:cxn>
                <a:cxn ang="0">
                  <a:pos x="2222" y="807"/>
                </a:cxn>
                <a:cxn ang="0">
                  <a:pos x="2322" y="914"/>
                </a:cxn>
                <a:cxn ang="0">
                  <a:pos x="2429" y="861"/>
                </a:cxn>
                <a:cxn ang="0">
                  <a:pos x="2529" y="930"/>
                </a:cxn>
                <a:cxn ang="0">
                  <a:pos x="2637" y="1160"/>
                </a:cxn>
                <a:cxn ang="0">
                  <a:pos x="2737" y="1353"/>
                </a:cxn>
                <a:cxn ang="0">
                  <a:pos x="2845" y="1506"/>
                </a:cxn>
                <a:cxn ang="0">
                  <a:pos x="2945" y="1652"/>
                </a:cxn>
                <a:cxn ang="0">
                  <a:pos x="3052" y="1799"/>
                </a:cxn>
                <a:cxn ang="0">
                  <a:pos x="3152" y="1937"/>
                </a:cxn>
                <a:cxn ang="0">
                  <a:pos x="3260" y="2091"/>
                </a:cxn>
                <a:cxn ang="0">
                  <a:pos x="3360" y="2260"/>
                </a:cxn>
                <a:cxn ang="0">
                  <a:pos x="3460" y="2421"/>
                </a:cxn>
                <a:cxn ang="0">
                  <a:pos x="3567" y="2598"/>
                </a:cxn>
              </a:cxnLst>
              <a:rect l="0" t="0" r="r" b="b"/>
              <a:pathLst>
                <a:path w="3567" h="2613">
                  <a:moveTo>
                    <a:pt x="0" y="184"/>
                  </a:moveTo>
                  <a:lnTo>
                    <a:pt x="46" y="176"/>
                  </a:lnTo>
                  <a:lnTo>
                    <a:pt x="100" y="169"/>
                  </a:lnTo>
                  <a:lnTo>
                    <a:pt x="154" y="169"/>
                  </a:lnTo>
                  <a:lnTo>
                    <a:pt x="200" y="161"/>
                  </a:lnTo>
                  <a:lnTo>
                    <a:pt x="254" y="161"/>
                  </a:lnTo>
                  <a:lnTo>
                    <a:pt x="308" y="153"/>
                  </a:lnTo>
                  <a:lnTo>
                    <a:pt x="362" y="146"/>
                  </a:lnTo>
                  <a:lnTo>
                    <a:pt x="408" y="138"/>
                  </a:lnTo>
                  <a:lnTo>
                    <a:pt x="461" y="138"/>
                  </a:lnTo>
                  <a:lnTo>
                    <a:pt x="515" y="130"/>
                  </a:lnTo>
                  <a:lnTo>
                    <a:pt x="569" y="123"/>
                  </a:lnTo>
                  <a:lnTo>
                    <a:pt x="615" y="107"/>
                  </a:lnTo>
                  <a:lnTo>
                    <a:pt x="669" y="77"/>
                  </a:lnTo>
                  <a:lnTo>
                    <a:pt x="723" y="38"/>
                  </a:lnTo>
                  <a:lnTo>
                    <a:pt x="769" y="23"/>
                  </a:lnTo>
                  <a:lnTo>
                    <a:pt x="823" y="7"/>
                  </a:lnTo>
                  <a:lnTo>
                    <a:pt x="877" y="0"/>
                  </a:lnTo>
                  <a:lnTo>
                    <a:pt x="930" y="7"/>
                  </a:lnTo>
                  <a:lnTo>
                    <a:pt x="977" y="23"/>
                  </a:lnTo>
                  <a:lnTo>
                    <a:pt x="1030" y="53"/>
                  </a:lnTo>
                  <a:lnTo>
                    <a:pt x="1084" y="123"/>
                  </a:lnTo>
                  <a:lnTo>
                    <a:pt x="1138" y="161"/>
                  </a:lnTo>
                  <a:lnTo>
                    <a:pt x="1184" y="200"/>
                  </a:lnTo>
                  <a:lnTo>
                    <a:pt x="1238" y="261"/>
                  </a:lnTo>
                  <a:lnTo>
                    <a:pt x="1292" y="299"/>
                  </a:lnTo>
                  <a:lnTo>
                    <a:pt x="1338" y="338"/>
                  </a:lnTo>
                  <a:lnTo>
                    <a:pt x="1392" y="399"/>
                  </a:lnTo>
                  <a:lnTo>
                    <a:pt x="1445" y="422"/>
                  </a:lnTo>
                  <a:lnTo>
                    <a:pt x="1499" y="461"/>
                  </a:lnTo>
                  <a:lnTo>
                    <a:pt x="1545" y="515"/>
                  </a:lnTo>
                  <a:lnTo>
                    <a:pt x="1599" y="538"/>
                  </a:lnTo>
                  <a:lnTo>
                    <a:pt x="1653" y="569"/>
                  </a:lnTo>
                  <a:lnTo>
                    <a:pt x="1707" y="615"/>
                  </a:lnTo>
                  <a:lnTo>
                    <a:pt x="1753" y="630"/>
                  </a:lnTo>
                  <a:lnTo>
                    <a:pt x="1807" y="653"/>
                  </a:lnTo>
                  <a:lnTo>
                    <a:pt x="1861" y="707"/>
                  </a:lnTo>
                  <a:lnTo>
                    <a:pt x="1914" y="699"/>
                  </a:lnTo>
                  <a:lnTo>
                    <a:pt x="1961" y="715"/>
                  </a:lnTo>
                  <a:lnTo>
                    <a:pt x="2014" y="776"/>
                  </a:lnTo>
                  <a:lnTo>
                    <a:pt x="2068" y="761"/>
                  </a:lnTo>
                  <a:lnTo>
                    <a:pt x="2114" y="761"/>
                  </a:lnTo>
                  <a:lnTo>
                    <a:pt x="2168" y="845"/>
                  </a:lnTo>
                  <a:lnTo>
                    <a:pt x="2222" y="807"/>
                  </a:lnTo>
                  <a:lnTo>
                    <a:pt x="2276" y="799"/>
                  </a:lnTo>
                  <a:lnTo>
                    <a:pt x="2322" y="914"/>
                  </a:lnTo>
                  <a:lnTo>
                    <a:pt x="2376" y="868"/>
                  </a:lnTo>
                  <a:lnTo>
                    <a:pt x="2429" y="861"/>
                  </a:lnTo>
                  <a:lnTo>
                    <a:pt x="2483" y="984"/>
                  </a:lnTo>
                  <a:lnTo>
                    <a:pt x="2529" y="930"/>
                  </a:lnTo>
                  <a:lnTo>
                    <a:pt x="2583" y="938"/>
                  </a:lnTo>
                  <a:lnTo>
                    <a:pt x="2637" y="1160"/>
                  </a:lnTo>
                  <a:lnTo>
                    <a:pt x="2683" y="1237"/>
                  </a:lnTo>
                  <a:lnTo>
                    <a:pt x="2737" y="1353"/>
                  </a:lnTo>
                  <a:lnTo>
                    <a:pt x="2791" y="1437"/>
                  </a:lnTo>
                  <a:lnTo>
                    <a:pt x="2845" y="1506"/>
                  </a:lnTo>
                  <a:lnTo>
                    <a:pt x="2891" y="1583"/>
                  </a:lnTo>
                  <a:lnTo>
                    <a:pt x="2945" y="1652"/>
                  </a:lnTo>
                  <a:lnTo>
                    <a:pt x="2998" y="1722"/>
                  </a:lnTo>
                  <a:lnTo>
                    <a:pt x="3052" y="1799"/>
                  </a:lnTo>
                  <a:lnTo>
                    <a:pt x="3098" y="1868"/>
                  </a:lnTo>
                  <a:lnTo>
                    <a:pt x="3152" y="1937"/>
                  </a:lnTo>
                  <a:lnTo>
                    <a:pt x="3206" y="2021"/>
                  </a:lnTo>
                  <a:lnTo>
                    <a:pt x="3260" y="2091"/>
                  </a:lnTo>
                  <a:lnTo>
                    <a:pt x="3306" y="2168"/>
                  </a:lnTo>
                  <a:lnTo>
                    <a:pt x="3360" y="2260"/>
                  </a:lnTo>
                  <a:lnTo>
                    <a:pt x="3413" y="2337"/>
                  </a:lnTo>
                  <a:lnTo>
                    <a:pt x="3460" y="2421"/>
                  </a:lnTo>
                  <a:lnTo>
                    <a:pt x="3513" y="2513"/>
                  </a:lnTo>
                  <a:lnTo>
                    <a:pt x="3567" y="2598"/>
                  </a:lnTo>
                  <a:lnTo>
                    <a:pt x="3567" y="2613"/>
                  </a:lnTo>
                </a:path>
              </a:pathLst>
            </a:custGeom>
            <a:noFill/>
            <a:ln w="38100" cap="flat">
              <a:solidFill>
                <a:srgbClr val="FFC000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18280" name="Freeform 872"/>
          <p:cNvSpPr>
            <a:spLocks/>
          </p:cNvSpPr>
          <p:nvPr/>
        </p:nvSpPr>
        <p:spPr bwMode="auto">
          <a:xfrm>
            <a:off x="992188" y="373063"/>
            <a:ext cx="2012950" cy="1476375"/>
          </a:xfrm>
          <a:custGeom>
            <a:avLst/>
            <a:gdLst/>
            <a:ahLst/>
            <a:cxnLst>
              <a:cxn ang="0">
                <a:pos x="0" y="0"/>
              </a:cxn>
              <a:cxn ang="0">
                <a:pos x="38" y="30"/>
              </a:cxn>
              <a:cxn ang="0">
                <a:pos x="84" y="69"/>
              </a:cxn>
              <a:cxn ang="0">
                <a:pos x="123" y="100"/>
              </a:cxn>
              <a:cxn ang="0">
                <a:pos x="161" y="130"/>
              </a:cxn>
              <a:cxn ang="0">
                <a:pos x="200" y="161"/>
              </a:cxn>
              <a:cxn ang="0">
                <a:pos x="238" y="199"/>
              </a:cxn>
              <a:cxn ang="0">
                <a:pos x="277" y="230"/>
              </a:cxn>
              <a:cxn ang="0">
                <a:pos x="323" y="261"/>
              </a:cxn>
              <a:cxn ang="0">
                <a:pos x="361" y="292"/>
              </a:cxn>
              <a:cxn ang="0">
                <a:pos x="400" y="322"/>
              </a:cxn>
              <a:cxn ang="0">
                <a:pos x="438" y="353"/>
              </a:cxn>
              <a:cxn ang="0">
                <a:pos x="476" y="376"/>
              </a:cxn>
              <a:cxn ang="0">
                <a:pos x="515" y="407"/>
              </a:cxn>
              <a:cxn ang="0">
                <a:pos x="553" y="438"/>
              </a:cxn>
              <a:cxn ang="0">
                <a:pos x="653" y="507"/>
              </a:cxn>
              <a:cxn ang="0">
                <a:pos x="699" y="538"/>
              </a:cxn>
              <a:cxn ang="0">
                <a:pos x="753" y="576"/>
              </a:cxn>
              <a:cxn ang="0">
                <a:pos x="807" y="607"/>
              </a:cxn>
              <a:cxn ang="0">
                <a:pos x="853" y="645"/>
              </a:cxn>
              <a:cxn ang="0">
                <a:pos x="907" y="684"/>
              </a:cxn>
              <a:cxn ang="0">
                <a:pos x="961" y="715"/>
              </a:cxn>
              <a:cxn ang="0">
                <a:pos x="1015" y="753"/>
              </a:cxn>
              <a:cxn ang="0">
                <a:pos x="1061" y="784"/>
              </a:cxn>
              <a:cxn ang="0">
                <a:pos x="1114" y="822"/>
              </a:cxn>
              <a:cxn ang="0">
                <a:pos x="1168" y="861"/>
              </a:cxn>
              <a:cxn ang="0">
                <a:pos x="1222" y="891"/>
              </a:cxn>
              <a:cxn ang="0">
                <a:pos x="1268" y="930"/>
              </a:cxn>
            </a:cxnLst>
            <a:rect l="0" t="0" r="r" b="b"/>
            <a:pathLst>
              <a:path w="1268" h="930">
                <a:moveTo>
                  <a:pt x="0" y="0"/>
                </a:moveTo>
                <a:lnTo>
                  <a:pt x="38" y="30"/>
                </a:lnTo>
                <a:lnTo>
                  <a:pt x="84" y="69"/>
                </a:lnTo>
                <a:lnTo>
                  <a:pt x="123" y="100"/>
                </a:lnTo>
                <a:lnTo>
                  <a:pt x="161" y="130"/>
                </a:lnTo>
                <a:lnTo>
                  <a:pt x="200" y="161"/>
                </a:lnTo>
                <a:lnTo>
                  <a:pt x="238" y="199"/>
                </a:lnTo>
                <a:lnTo>
                  <a:pt x="277" y="230"/>
                </a:lnTo>
                <a:lnTo>
                  <a:pt x="323" y="261"/>
                </a:lnTo>
                <a:lnTo>
                  <a:pt x="361" y="292"/>
                </a:lnTo>
                <a:lnTo>
                  <a:pt x="400" y="322"/>
                </a:lnTo>
                <a:lnTo>
                  <a:pt x="438" y="353"/>
                </a:lnTo>
                <a:lnTo>
                  <a:pt x="476" y="376"/>
                </a:lnTo>
                <a:lnTo>
                  <a:pt x="515" y="407"/>
                </a:lnTo>
                <a:lnTo>
                  <a:pt x="553" y="438"/>
                </a:lnTo>
                <a:lnTo>
                  <a:pt x="653" y="507"/>
                </a:lnTo>
                <a:lnTo>
                  <a:pt x="699" y="538"/>
                </a:lnTo>
                <a:lnTo>
                  <a:pt x="753" y="576"/>
                </a:lnTo>
                <a:lnTo>
                  <a:pt x="807" y="607"/>
                </a:lnTo>
                <a:lnTo>
                  <a:pt x="853" y="645"/>
                </a:lnTo>
                <a:lnTo>
                  <a:pt x="907" y="684"/>
                </a:lnTo>
                <a:lnTo>
                  <a:pt x="961" y="715"/>
                </a:lnTo>
                <a:lnTo>
                  <a:pt x="1015" y="753"/>
                </a:lnTo>
                <a:lnTo>
                  <a:pt x="1061" y="784"/>
                </a:lnTo>
                <a:lnTo>
                  <a:pt x="1114" y="822"/>
                </a:lnTo>
                <a:lnTo>
                  <a:pt x="1168" y="861"/>
                </a:lnTo>
                <a:lnTo>
                  <a:pt x="1222" y="891"/>
                </a:lnTo>
                <a:lnTo>
                  <a:pt x="1268" y="930"/>
                </a:lnTo>
              </a:path>
            </a:pathLst>
          </a:custGeom>
          <a:noFill/>
          <a:ln w="15" cap="flat">
            <a:solidFill>
              <a:schemeClr val="tx1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81" name="Freeform 873"/>
          <p:cNvSpPr>
            <a:spLocks/>
          </p:cNvSpPr>
          <p:nvPr/>
        </p:nvSpPr>
        <p:spPr bwMode="auto">
          <a:xfrm>
            <a:off x="2028825" y="1982788"/>
            <a:ext cx="5540375" cy="4137025"/>
          </a:xfrm>
          <a:custGeom>
            <a:avLst/>
            <a:gdLst/>
            <a:ahLst/>
            <a:cxnLst>
              <a:cxn ang="0">
                <a:pos x="46" y="169"/>
              </a:cxn>
              <a:cxn ang="0">
                <a:pos x="154" y="162"/>
              </a:cxn>
              <a:cxn ang="0">
                <a:pos x="254" y="146"/>
              </a:cxn>
              <a:cxn ang="0">
                <a:pos x="362" y="139"/>
              </a:cxn>
              <a:cxn ang="0">
                <a:pos x="461" y="131"/>
              </a:cxn>
              <a:cxn ang="0">
                <a:pos x="569" y="116"/>
              </a:cxn>
              <a:cxn ang="0">
                <a:pos x="669" y="70"/>
              </a:cxn>
              <a:cxn ang="0">
                <a:pos x="769" y="16"/>
              </a:cxn>
              <a:cxn ang="0">
                <a:pos x="877" y="0"/>
              </a:cxn>
              <a:cxn ang="0">
                <a:pos x="977" y="23"/>
              </a:cxn>
              <a:cxn ang="0">
                <a:pos x="1084" y="123"/>
              </a:cxn>
              <a:cxn ang="0">
                <a:pos x="1184" y="200"/>
              </a:cxn>
              <a:cxn ang="0">
                <a:pos x="1292" y="292"/>
              </a:cxn>
              <a:cxn ang="0">
                <a:pos x="1392" y="392"/>
              </a:cxn>
              <a:cxn ang="0">
                <a:pos x="1499" y="462"/>
              </a:cxn>
              <a:cxn ang="0">
                <a:pos x="1599" y="531"/>
              </a:cxn>
              <a:cxn ang="0">
                <a:pos x="1707" y="615"/>
              </a:cxn>
              <a:cxn ang="0">
                <a:pos x="1807" y="646"/>
              </a:cxn>
              <a:cxn ang="0">
                <a:pos x="1914" y="692"/>
              </a:cxn>
              <a:cxn ang="0">
                <a:pos x="2014" y="761"/>
              </a:cxn>
              <a:cxn ang="0">
                <a:pos x="2114" y="746"/>
              </a:cxn>
              <a:cxn ang="0">
                <a:pos x="2222" y="800"/>
              </a:cxn>
              <a:cxn ang="0">
                <a:pos x="2322" y="900"/>
              </a:cxn>
              <a:cxn ang="0">
                <a:pos x="2429" y="846"/>
              </a:cxn>
              <a:cxn ang="0">
                <a:pos x="2529" y="923"/>
              </a:cxn>
              <a:cxn ang="0">
                <a:pos x="2637" y="1169"/>
              </a:cxn>
              <a:cxn ang="0">
                <a:pos x="2737" y="1392"/>
              </a:cxn>
              <a:cxn ang="0">
                <a:pos x="2845" y="1553"/>
              </a:cxn>
              <a:cxn ang="0">
                <a:pos x="2945" y="1707"/>
              </a:cxn>
              <a:cxn ang="0">
                <a:pos x="3052" y="1868"/>
              </a:cxn>
              <a:cxn ang="0">
                <a:pos x="3152" y="2022"/>
              </a:cxn>
              <a:cxn ang="0">
                <a:pos x="3260" y="2191"/>
              </a:cxn>
              <a:cxn ang="0">
                <a:pos x="3360" y="2376"/>
              </a:cxn>
              <a:cxn ang="0">
                <a:pos x="3460" y="2553"/>
              </a:cxn>
            </a:cxnLst>
            <a:rect l="0" t="0" r="r" b="b"/>
            <a:pathLst>
              <a:path w="3490" h="2606">
                <a:moveTo>
                  <a:pt x="0" y="177"/>
                </a:moveTo>
                <a:lnTo>
                  <a:pt x="46" y="169"/>
                </a:lnTo>
                <a:lnTo>
                  <a:pt x="100" y="162"/>
                </a:lnTo>
                <a:lnTo>
                  <a:pt x="154" y="162"/>
                </a:lnTo>
                <a:lnTo>
                  <a:pt x="200" y="154"/>
                </a:lnTo>
                <a:lnTo>
                  <a:pt x="254" y="146"/>
                </a:lnTo>
                <a:lnTo>
                  <a:pt x="308" y="146"/>
                </a:lnTo>
                <a:lnTo>
                  <a:pt x="362" y="139"/>
                </a:lnTo>
                <a:lnTo>
                  <a:pt x="408" y="131"/>
                </a:lnTo>
                <a:lnTo>
                  <a:pt x="461" y="131"/>
                </a:lnTo>
                <a:lnTo>
                  <a:pt x="515" y="123"/>
                </a:lnTo>
                <a:lnTo>
                  <a:pt x="569" y="116"/>
                </a:lnTo>
                <a:lnTo>
                  <a:pt x="615" y="100"/>
                </a:lnTo>
                <a:lnTo>
                  <a:pt x="669" y="70"/>
                </a:lnTo>
                <a:lnTo>
                  <a:pt x="723" y="31"/>
                </a:lnTo>
                <a:lnTo>
                  <a:pt x="769" y="16"/>
                </a:lnTo>
                <a:lnTo>
                  <a:pt x="823" y="0"/>
                </a:lnTo>
                <a:lnTo>
                  <a:pt x="877" y="0"/>
                </a:lnTo>
                <a:lnTo>
                  <a:pt x="930" y="8"/>
                </a:lnTo>
                <a:lnTo>
                  <a:pt x="977" y="23"/>
                </a:lnTo>
                <a:lnTo>
                  <a:pt x="1030" y="54"/>
                </a:lnTo>
                <a:lnTo>
                  <a:pt x="1084" y="123"/>
                </a:lnTo>
                <a:lnTo>
                  <a:pt x="1138" y="162"/>
                </a:lnTo>
                <a:lnTo>
                  <a:pt x="1184" y="200"/>
                </a:lnTo>
                <a:lnTo>
                  <a:pt x="1238" y="262"/>
                </a:lnTo>
                <a:lnTo>
                  <a:pt x="1292" y="292"/>
                </a:lnTo>
                <a:lnTo>
                  <a:pt x="1338" y="331"/>
                </a:lnTo>
                <a:lnTo>
                  <a:pt x="1392" y="392"/>
                </a:lnTo>
                <a:lnTo>
                  <a:pt x="1445" y="423"/>
                </a:lnTo>
                <a:lnTo>
                  <a:pt x="1499" y="462"/>
                </a:lnTo>
                <a:lnTo>
                  <a:pt x="1545" y="515"/>
                </a:lnTo>
                <a:lnTo>
                  <a:pt x="1599" y="531"/>
                </a:lnTo>
                <a:lnTo>
                  <a:pt x="1653" y="562"/>
                </a:lnTo>
                <a:lnTo>
                  <a:pt x="1707" y="615"/>
                </a:lnTo>
                <a:lnTo>
                  <a:pt x="1753" y="623"/>
                </a:lnTo>
                <a:lnTo>
                  <a:pt x="1807" y="646"/>
                </a:lnTo>
                <a:lnTo>
                  <a:pt x="1861" y="692"/>
                </a:lnTo>
                <a:lnTo>
                  <a:pt x="1914" y="692"/>
                </a:lnTo>
                <a:lnTo>
                  <a:pt x="1961" y="700"/>
                </a:lnTo>
                <a:lnTo>
                  <a:pt x="2014" y="761"/>
                </a:lnTo>
                <a:lnTo>
                  <a:pt x="2068" y="746"/>
                </a:lnTo>
                <a:lnTo>
                  <a:pt x="2114" y="746"/>
                </a:lnTo>
                <a:lnTo>
                  <a:pt x="2168" y="831"/>
                </a:lnTo>
                <a:lnTo>
                  <a:pt x="2222" y="800"/>
                </a:lnTo>
                <a:lnTo>
                  <a:pt x="2276" y="784"/>
                </a:lnTo>
                <a:lnTo>
                  <a:pt x="2322" y="900"/>
                </a:lnTo>
                <a:lnTo>
                  <a:pt x="2376" y="854"/>
                </a:lnTo>
                <a:lnTo>
                  <a:pt x="2429" y="846"/>
                </a:lnTo>
                <a:lnTo>
                  <a:pt x="2483" y="977"/>
                </a:lnTo>
                <a:lnTo>
                  <a:pt x="2529" y="923"/>
                </a:lnTo>
                <a:lnTo>
                  <a:pt x="2583" y="923"/>
                </a:lnTo>
                <a:lnTo>
                  <a:pt x="2637" y="1169"/>
                </a:lnTo>
                <a:lnTo>
                  <a:pt x="2683" y="1269"/>
                </a:lnTo>
                <a:lnTo>
                  <a:pt x="2737" y="1392"/>
                </a:lnTo>
                <a:lnTo>
                  <a:pt x="2791" y="1476"/>
                </a:lnTo>
                <a:lnTo>
                  <a:pt x="2845" y="1553"/>
                </a:lnTo>
                <a:lnTo>
                  <a:pt x="2891" y="1638"/>
                </a:lnTo>
                <a:lnTo>
                  <a:pt x="2945" y="1707"/>
                </a:lnTo>
                <a:lnTo>
                  <a:pt x="2998" y="1784"/>
                </a:lnTo>
                <a:lnTo>
                  <a:pt x="3052" y="1868"/>
                </a:lnTo>
                <a:lnTo>
                  <a:pt x="3098" y="1945"/>
                </a:lnTo>
                <a:lnTo>
                  <a:pt x="3152" y="2022"/>
                </a:lnTo>
                <a:lnTo>
                  <a:pt x="3206" y="2114"/>
                </a:lnTo>
                <a:lnTo>
                  <a:pt x="3260" y="2191"/>
                </a:lnTo>
                <a:lnTo>
                  <a:pt x="3306" y="2276"/>
                </a:lnTo>
                <a:lnTo>
                  <a:pt x="3360" y="2376"/>
                </a:lnTo>
                <a:lnTo>
                  <a:pt x="3413" y="2460"/>
                </a:lnTo>
                <a:lnTo>
                  <a:pt x="3460" y="2553"/>
                </a:lnTo>
                <a:lnTo>
                  <a:pt x="3490" y="2606"/>
                </a:lnTo>
              </a:path>
            </a:pathLst>
          </a:custGeom>
          <a:noFill/>
          <a:ln w="38100" cap="flat">
            <a:solidFill>
              <a:srgbClr val="FFC00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82" name="Freeform 874"/>
          <p:cNvSpPr>
            <a:spLocks/>
          </p:cNvSpPr>
          <p:nvPr/>
        </p:nvSpPr>
        <p:spPr bwMode="auto">
          <a:xfrm>
            <a:off x="992188" y="373063"/>
            <a:ext cx="2012950" cy="1476375"/>
          </a:xfrm>
          <a:custGeom>
            <a:avLst/>
            <a:gdLst/>
            <a:ahLst/>
            <a:cxnLst>
              <a:cxn ang="0">
                <a:pos x="0" y="0"/>
              </a:cxn>
              <a:cxn ang="0">
                <a:pos x="38" y="30"/>
              </a:cxn>
              <a:cxn ang="0">
                <a:pos x="84" y="69"/>
              </a:cxn>
              <a:cxn ang="0">
                <a:pos x="123" y="100"/>
              </a:cxn>
              <a:cxn ang="0">
                <a:pos x="161" y="130"/>
              </a:cxn>
              <a:cxn ang="0">
                <a:pos x="200" y="161"/>
              </a:cxn>
              <a:cxn ang="0">
                <a:pos x="238" y="192"/>
              </a:cxn>
              <a:cxn ang="0">
                <a:pos x="277" y="223"/>
              </a:cxn>
              <a:cxn ang="0">
                <a:pos x="323" y="253"/>
              </a:cxn>
              <a:cxn ang="0">
                <a:pos x="361" y="284"/>
              </a:cxn>
              <a:cxn ang="0">
                <a:pos x="400" y="315"/>
              </a:cxn>
              <a:cxn ang="0">
                <a:pos x="438" y="346"/>
              </a:cxn>
              <a:cxn ang="0">
                <a:pos x="476" y="376"/>
              </a:cxn>
              <a:cxn ang="0">
                <a:pos x="515" y="407"/>
              </a:cxn>
              <a:cxn ang="0">
                <a:pos x="553" y="438"/>
              </a:cxn>
              <a:cxn ang="0">
                <a:pos x="653" y="499"/>
              </a:cxn>
              <a:cxn ang="0">
                <a:pos x="699" y="538"/>
              </a:cxn>
              <a:cxn ang="0">
                <a:pos x="753" y="576"/>
              </a:cxn>
              <a:cxn ang="0">
                <a:pos x="807" y="607"/>
              </a:cxn>
              <a:cxn ang="0">
                <a:pos x="853" y="645"/>
              </a:cxn>
              <a:cxn ang="0">
                <a:pos x="907" y="676"/>
              </a:cxn>
              <a:cxn ang="0">
                <a:pos x="961" y="715"/>
              </a:cxn>
              <a:cxn ang="0">
                <a:pos x="1015" y="753"/>
              </a:cxn>
              <a:cxn ang="0">
                <a:pos x="1061" y="784"/>
              </a:cxn>
              <a:cxn ang="0">
                <a:pos x="1114" y="822"/>
              </a:cxn>
              <a:cxn ang="0">
                <a:pos x="1168" y="861"/>
              </a:cxn>
              <a:cxn ang="0">
                <a:pos x="1222" y="899"/>
              </a:cxn>
              <a:cxn ang="0">
                <a:pos x="1268" y="930"/>
              </a:cxn>
            </a:cxnLst>
            <a:rect l="0" t="0" r="r" b="b"/>
            <a:pathLst>
              <a:path w="1268" h="930">
                <a:moveTo>
                  <a:pt x="0" y="0"/>
                </a:moveTo>
                <a:lnTo>
                  <a:pt x="38" y="30"/>
                </a:lnTo>
                <a:lnTo>
                  <a:pt x="84" y="69"/>
                </a:lnTo>
                <a:lnTo>
                  <a:pt x="123" y="100"/>
                </a:lnTo>
                <a:lnTo>
                  <a:pt x="161" y="130"/>
                </a:lnTo>
                <a:lnTo>
                  <a:pt x="200" y="161"/>
                </a:lnTo>
                <a:lnTo>
                  <a:pt x="238" y="192"/>
                </a:lnTo>
                <a:lnTo>
                  <a:pt x="277" y="223"/>
                </a:lnTo>
                <a:lnTo>
                  <a:pt x="323" y="253"/>
                </a:lnTo>
                <a:lnTo>
                  <a:pt x="361" y="284"/>
                </a:lnTo>
                <a:lnTo>
                  <a:pt x="400" y="315"/>
                </a:lnTo>
                <a:lnTo>
                  <a:pt x="438" y="346"/>
                </a:lnTo>
                <a:lnTo>
                  <a:pt x="476" y="376"/>
                </a:lnTo>
                <a:lnTo>
                  <a:pt x="515" y="407"/>
                </a:lnTo>
                <a:lnTo>
                  <a:pt x="553" y="438"/>
                </a:lnTo>
                <a:lnTo>
                  <a:pt x="653" y="499"/>
                </a:lnTo>
                <a:lnTo>
                  <a:pt x="699" y="538"/>
                </a:lnTo>
                <a:lnTo>
                  <a:pt x="753" y="576"/>
                </a:lnTo>
                <a:lnTo>
                  <a:pt x="807" y="607"/>
                </a:lnTo>
                <a:lnTo>
                  <a:pt x="853" y="645"/>
                </a:lnTo>
                <a:lnTo>
                  <a:pt x="907" y="676"/>
                </a:lnTo>
                <a:lnTo>
                  <a:pt x="961" y="715"/>
                </a:lnTo>
                <a:lnTo>
                  <a:pt x="1015" y="753"/>
                </a:lnTo>
                <a:lnTo>
                  <a:pt x="1061" y="784"/>
                </a:lnTo>
                <a:lnTo>
                  <a:pt x="1114" y="822"/>
                </a:lnTo>
                <a:lnTo>
                  <a:pt x="1168" y="861"/>
                </a:lnTo>
                <a:lnTo>
                  <a:pt x="1222" y="899"/>
                </a:lnTo>
                <a:lnTo>
                  <a:pt x="1268" y="930"/>
                </a:lnTo>
              </a:path>
            </a:pathLst>
          </a:custGeom>
          <a:noFill/>
          <a:ln w="22225" cap="flat">
            <a:solidFill>
              <a:srgbClr val="92D050"/>
            </a:solidFill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84" name="Rectangle 876"/>
          <p:cNvSpPr>
            <a:spLocks noChangeArrowheads="1"/>
          </p:cNvSpPr>
          <p:nvPr/>
        </p:nvSpPr>
        <p:spPr bwMode="auto">
          <a:xfrm rot="16200000">
            <a:off x="-177175" y="2987474"/>
            <a:ext cx="936154" cy="2769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non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b="0" i="0" u="none" strike="noStrike" cap="none" normalizeH="0" baseline="0" dirty="0">
                <a:ln>
                  <a:noFill/>
                </a:ln>
                <a:effectLst/>
                <a:latin typeface="Helvetica" charset="0"/>
              </a:rPr>
              <a:t>Numbers</a:t>
            </a:r>
            <a:endParaRPr kumimoji="0" lang="en-US" b="0" i="0" u="none" strike="noStrike" cap="none" normalizeH="0" baseline="0" dirty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913" name="TextBox 912"/>
          <p:cNvSpPr txBox="1"/>
          <p:nvPr/>
        </p:nvSpPr>
        <p:spPr>
          <a:xfrm>
            <a:off x="3810000" y="6172200"/>
            <a:ext cx="58060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/>
              <a:t>10 g</a:t>
            </a:r>
            <a:endParaRPr lang="en-US" dirty="0"/>
          </a:p>
        </p:txBody>
      </p:sp>
      <p:sp>
        <p:nvSpPr>
          <p:cNvPr id="914" name="TextBox 913"/>
          <p:cNvSpPr txBox="1"/>
          <p:nvPr/>
        </p:nvSpPr>
        <p:spPr>
          <a:xfrm>
            <a:off x="5867400" y="6172200"/>
            <a:ext cx="56778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/>
              <a:t>1 kg</a:t>
            </a:r>
            <a:endParaRPr lang="en-US" dirty="0"/>
          </a:p>
        </p:txBody>
      </p:sp>
      <p:sp>
        <p:nvSpPr>
          <p:cNvPr id="915" name="TextBox 914"/>
          <p:cNvSpPr txBox="1"/>
          <p:nvPr/>
        </p:nvSpPr>
        <p:spPr>
          <a:xfrm>
            <a:off x="7848600" y="6172200"/>
            <a:ext cx="80182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/>
              <a:t>100 kg</a:t>
            </a:r>
            <a:endParaRPr lang="en-US" dirty="0"/>
          </a:p>
        </p:txBody>
      </p:sp>
      <p:sp>
        <p:nvSpPr>
          <p:cNvPr id="916" name="TextBox 915"/>
          <p:cNvSpPr txBox="1"/>
          <p:nvPr/>
        </p:nvSpPr>
        <p:spPr>
          <a:xfrm>
            <a:off x="1714500" y="6134100"/>
            <a:ext cx="63831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/>
              <a:t>0.1 g</a:t>
            </a:r>
            <a:endParaRPr lang="en-US" dirty="0"/>
          </a:p>
        </p:txBody>
      </p:sp>
      <p:grpSp>
        <p:nvGrpSpPr>
          <p:cNvPr id="9" name="Group 930"/>
          <p:cNvGrpSpPr/>
          <p:nvPr/>
        </p:nvGrpSpPr>
        <p:grpSpPr>
          <a:xfrm>
            <a:off x="2133600" y="685800"/>
            <a:ext cx="5943600" cy="3886200"/>
            <a:chOff x="2133600" y="685800"/>
            <a:chExt cx="5943600" cy="3886200"/>
          </a:xfrm>
          <a:solidFill>
            <a:srgbClr val="FFFF00"/>
          </a:solidFill>
        </p:grpSpPr>
        <p:sp>
          <p:nvSpPr>
            <p:cNvPr id="926" name="Down Arrow 925"/>
            <p:cNvSpPr/>
            <p:nvPr/>
          </p:nvSpPr>
          <p:spPr>
            <a:xfrm>
              <a:off x="6934200" y="3429000"/>
              <a:ext cx="1143000" cy="990600"/>
            </a:xfrm>
            <a:prstGeom prst="downArrow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27" name="Down Arrow 926"/>
            <p:cNvSpPr/>
            <p:nvPr/>
          </p:nvSpPr>
          <p:spPr>
            <a:xfrm>
              <a:off x="4267200" y="1828800"/>
              <a:ext cx="609600" cy="533400"/>
            </a:xfrm>
            <a:prstGeom prst="downArrow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28" name="Down Arrow 927"/>
            <p:cNvSpPr/>
            <p:nvPr/>
          </p:nvSpPr>
          <p:spPr>
            <a:xfrm>
              <a:off x="2133600" y="685800"/>
              <a:ext cx="457200" cy="457200"/>
            </a:xfrm>
            <a:prstGeom prst="downArrow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29" name="Down Arrow 928"/>
            <p:cNvSpPr/>
            <p:nvPr/>
          </p:nvSpPr>
          <p:spPr>
            <a:xfrm rot="10800000">
              <a:off x="3048000" y="2209800"/>
              <a:ext cx="381000" cy="533400"/>
            </a:xfrm>
            <a:prstGeom prst="downArrow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30" name="Down Arrow 929"/>
            <p:cNvSpPr/>
            <p:nvPr/>
          </p:nvSpPr>
          <p:spPr>
            <a:xfrm rot="10800000">
              <a:off x="5105400" y="3886200"/>
              <a:ext cx="914400" cy="685800"/>
            </a:xfrm>
            <a:prstGeom prst="downArrow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cxnSp>
        <p:nvCxnSpPr>
          <p:cNvPr id="935" name="Straight Connector 934"/>
          <p:cNvCxnSpPr/>
          <p:nvPr/>
        </p:nvCxnSpPr>
        <p:spPr>
          <a:xfrm>
            <a:off x="2582094" y="912977"/>
            <a:ext cx="6561906" cy="12923"/>
          </a:xfrm>
          <a:prstGeom prst="line">
            <a:avLst/>
          </a:prstGeom>
          <a:ln w="41275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Box 9"/>
          <p:cNvSpPr txBox="1"/>
          <p:nvPr/>
        </p:nvSpPr>
        <p:spPr>
          <a:xfrm rot="2170305">
            <a:off x="1259882" y="497475"/>
            <a:ext cx="1074333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dirty="0"/>
              <a:t>Plankton</a:t>
            </a:r>
          </a:p>
        </p:txBody>
      </p:sp>
      <p:grpSp>
        <p:nvGrpSpPr>
          <p:cNvPr id="239" name="Group 924"/>
          <p:cNvGrpSpPr/>
          <p:nvPr/>
        </p:nvGrpSpPr>
        <p:grpSpPr>
          <a:xfrm>
            <a:off x="2028825" y="2130426"/>
            <a:ext cx="6042025" cy="3989387"/>
            <a:chOff x="2028825" y="2130426"/>
            <a:chExt cx="6042025" cy="3989387"/>
          </a:xfrm>
        </p:grpSpPr>
        <p:sp>
          <p:nvSpPr>
            <p:cNvPr id="240" name="Freeform 845"/>
            <p:cNvSpPr>
              <a:spLocks/>
            </p:cNvSpPr>
            <p:nvPr/>
          </p:nvSpPr>
          <p:spPr bwMode="auto">
            <a:xfrm>
              <a:off x="2028825" y="2386013"/>
              <a:ext cx="2209800" cy="830263"/>
            </a:xfrm>
            <a:custGeom>
              <a:avLst/>
              <a:gdLst/>
              <a:ahLst/>
              <a:cxnLst>
                <a:cxn ang="0">
                  <a:pos x="0" y="246"/>
                </a:cxn>
                <a:cxn ang="0">
                  <a:pos x="46" y="246"/>
                </a:cxn>
                <a:cxn ang="0">
                  <a:pos x="100" y="246"/>
                </a:cxn>
                <a:cxn ang="0">
                  <a:pos x="154" y="246"/>
                </a:cxn>
                <a:cxn ang="0">
                  <a:pos x="200" y="246"/>
                </a:cxn>
                <a:cxn ang="0">
                  <a:pos x="254" y="246"/>
                </a:cxn>
                <a:cxn ang="0">
                  <a:pos x="308" y="238"/>
                </a:cxn>
                <a:cxn ang="0">
                  <a:pos x="362" y="238"/>
                </a:cxn>
                <a:cxn ang="0">
                  <a:pos x="408" y="238"/>
                </a:cxn>
                <a:cxn ang="0">
                  <a:pos x="461" y="238"/>
                </a:cxn>
                <a:cxn ang="0">
                  <a:pos x="515" y="231"/>
                </a:cxn>
                <a:cxn ang="0">
                  <a:pos x="569" y="231"/>
                </a:cxn>
                <a:cxn ang="0">
                  <a:pos x="615" y="223"/>
                </a:cxn>
                <a:cxn ang="0">
                  <a:pos x="669" y="223"/>
                </a:cxn>
                <a:cxn ang="0">
                  <a:pos x="723" y="215"/>
                </a:cxn>
                <a:cxn ang="0">
                  <a:pos x="769" y="208"/>
                </a:cxn>
                <a:cxn ang="0">
                  <a:pos x="823" y="200"/>
                </a:cxn>
                <a:cxn ang="0">
                  <a:pos x="877" y="185"/>
                </a:cxn>
                <a:cxn ang="0">
                  <a:pos x="930" y="154"/>
                </a:cxn>
                <a:cxn ang="0">
                  <a:pos x="977" y="85"/>
                </a:cxn>
                <a:cxn ang="0">
                  <a:pos x="1030" y="31"/>
                </a:cxn>
                <a:cxn ang="0">
                  <a:pos x="1084" y="8"/>
                </a:cxn>
                <a:cxn ang="0">
                  <a:pos x="1138" y="0"/>
                </a:cxn>
                <a:cxn ang="0">
                  <a:pos x="1184" y="0"/>
                </a:cxn>
                <a:cxn ang="0">
                  <a:pos x="1238" y="0"/>
                </a:cxn>
                <a:cxn ang="0">
                  <a:pos x="1292" y="15"/>
                </a:cxn>
                <a:cxn ang="0">
                  <a:pos x="1338" y="62"/>
                </a:cxn>
                <a:cxn ang="0">
                  <a:pos x="1392" y="523"/>
                </a:cxn>
              </a:cxnLst>
              <a:rect l="0" t="0" r="r" b="b"/>
              <a:pathLst>
                <a:path w="1392" h="523">
                  <a:moveTo>
                    <a:pt x="0" y="246"/>
                  </a:moveTo>
                  <a:lnTo>
                    <a:pt x="46" y="246"/>
                  </a:lnTo>
                  <a:lnTo>
                    <a:pt x="100" y="246"/>
                  </a:lnTo>
                  <a:lnTo>
                    <a:pt x="154" y="246"/>
                  </a:lnTo>
                  <a:lnTo>
                    <a:pt x="200" y="246"/>
                  </a:lnTo>
                  <a:lnTo>
                    <a:pt x="254" y="246"/>
                  </a:lnTo>
                  <a:lnTo>
                    <a:pt x="308" y="238"/>
                  </a:lnTo>
                  <a:lnTo>
                    <a:pt x="362" y="238"/>
                  </a:lnTo>
                  <a:lnTo>
                    <a:pt x="408" y="238"/>
                  </a:lnTo>
                  <a:lnTo>
                    <a:pt x="461" y="238"/>
                  </a:lnTo>
                  <a:lnTo>
                    <a:pt x="515" y="231"/>
                  </a:lnTo>
                  <a:lnTo>
                    <a:pt x="569" y="231"/>
                  </a:lnTo>
                  <a:lnTo>
                    <a:pt x="615" y="223"/>
                  </a:lnTo>
                  <a:lnTo>
                    <a:pt x="669" y="223"/>
                  </a:lnTo>
                  <a:lnTo>
                    <a:pt x="723" y="215"/>
                  </a:lnTo>
                  <a:lnTo>
                    <a:pt x="769" y="208"/>
                  </a:lnTo>
                  <a:lnTo>
                    <a:pt x="823" y="200"/>
                  </a:lnTo>
                  <a:lnTo>
                    <a:pt x="877" y="185"/>
                  </a:lnTo>
                  <a:lnTo>
                    <a:pt x="930" y="154"/>
                  </a:lnTo>
                  <a:lnTo>
                    <a:pt x="977" y="85"/>
                  </a:lnTo>
                  <a:lnTo>
                    <a:pt x="1030" y="31"/>
                  </a:lnTo>
                  <a:lnTo>
                    <a:pt x="1084" y="8"/>
                  </a:lnTo>
                  <a:lnTo>
                    <a:pt x="1138" y="0"/>
                  </a:lnTo>
                  <a:lnTo>
                    <a:pt x="1184" y="0"/>
                  </a:lnTo>
                  <a:lnTo>
                    <a:pt x="1238" y="0"/>
                  </a:lnTo>
                  <a:lnTo>
                    <a:pt x="1292" y="15"/>
                  </a:lnTo>
                  <a:lnTo>
                    <a:pt x="1338" y="62"/>
                  </a:lnTo>
                  <a:lnTo>
                    <a:pt x="1392" y="523"/>
                  </a:lnTo>
                </a:path>
              </a:pathLst>
            </a:custGeom>
            <a:noFill/>
            <a:ln w="0">
              <a:solidFill>
                <a:schemeClr val="tx1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41" name="Freeform 846"/>
            <p:cNvSpPr>
              <a:spLocks/>
            </p:cNvSpPr>
            <p:nvPr/>
          </p:nvSpPr>
          <p:spPr bwMode="auto">
            <a:xfrm>
              <a:off x="2028825" y="2520950"/>
              <a:ext cx="2439988" cy="801688"/>
            </a:xfrm>
            <a:custGeom>
              <a:avLst/>
              <a:gdLst>
                <a:gd name="connsiteX0" fmla="*/ 0 w 1537"/>
                <a:gd name="connsiteY0" fmla="*/ 269 h 505"/>
                <a:gd name="connsiteX1" fmla="*/ 46 w 1537"/>
                <a:gd name="connsiteY1" fmla="*/ 269 h 505"/>
                <a:gd name="connsiteX2" fmla="*/ 100 w 1537"/>
                <a:gd name="connsiteY2" fmla="*/ 269 h 505"/>
                <a:gd name="connsiteX3" fmla="*/ 154 w 1537"/>
                <a:gd name="connsiteY3" fmla="*/ 269 h 505"/>
                <a:gd name="connsiteX4" fmla="*/ 200 w 1537"/>
                <a:gd name="connsiteY4" fmla="*/ 269 h 505"/>
                <a:gd name="connsiteX5" fmla="*/ 254 w 1537"/>
                <a:gd name="connsiteY5" fmla="*/ 269 h 505"/>
                <a:gd name="connsiteX6" fmla="*/ 308 w 1537"/>
                <a:gd name="connsiteY6" fmla="*/ 269 h 505"/>
                <a:gd name="connsiteX7" fmla="*/ 362 w 1537"/>
                <a:gd name="connsiteY7" fmla="*/ 261 h 505"/>
                <a:gd name="connsiteX8" fmla="*/ 408 w 1537"/>
                <a:gd name="connsiteY8" fmla="*/ 261 h 505"/>
                <a:gd name="connsiteX9" fmla="*/ 461 w 1537"/>
                <a:gd name="connsiteY9" fmla="*/ 261 h 505"/>
                <a:gd name="connsiteX10" fmla="*/ 515 w 1537"/>
                <a:gd name="connsiteY10" fmla="*/ 253 h 505"/>
                <a:gd name="connsiteX11" fmla="*/ 569 w 1537"/>
                <a:gd name="connsiteY11" fmla="*/ 253 h 505"/>
                <a:gd name="connsiteX12" fmla="*/ 615 w 1537"/>
                <a:gd name="connsiteY12" fmla="*/ 246 h 505"/>
                <a:gd name="connsiteX13" fmla="*/ 669 w 1537"/>
                <a:gd name="connsiteY13" fmla="*/ 246 h 505"/>
                <a:gd name="connsiteX14" fmla="*/ 723 w 1537"/>
                <a:gd name="connsiteY14" fmla="*/ 238 h 505"/>
                <a:gd name="connsiteX15" fmla="*/ 769 w 1537"/>
                <a:gd name="connsiteY15" fmla="*/ 230 h 505"/>
                <a:gd name="connsiteX16" fmla="*/ 823 w 1537"/>
                <a:gd name="connsiteY16" fmla="*/ 223 h 505"/>
                <a:gd name="connsiteX17" fmla="*/ 877 w 1537"/>
                <a:gd name="connsiteY17" fmla="*/ 215 h 505"/>
                <a:gd name="connsiteX18" fmla="*/ 930 w 1537"/>
                <a:gd name="connsiteY18" fmla="*/ 207 h 505"/>
                <a:gd name="connsiteX19" fmla="*/ 977 w 1537"/>
                <a:gd name="connsiteY19" fmla="*/ 199 h 505"/>
                <a:gd name="connsiteX20" fmla="*/ 1030 w 1537"/>
                <a:gd name="connsiteY20" fmla="*/ 184 h 505"/>
                <a:gd name="connsiteX21" fmla="*/ 1084 w 1537"/>
                <a:gd name="connsiteY21" fmla="*/ 146 h 505"/>
                <a:gd name="connsiteX22" fmla="*/ 1138 w 1537"/>
                <a:gd name="connsiteY22" fmla="*/ 76 h 505"/>
                <a:gd name="connsiteX23" fmla="*/ 1184 w 1537"/>
                <a:gd name="connsiteY23" fmla="*/ 23 h 505"/>
                <a:gd name="connsiteX24" fmla="*/ 1238 w 1537"/>
                <a:gd name="connsiteY24" fmla="*/ 7 h 505"/>
                <a:gd name="connsiteX25" fmla="*/ 1292 w 1537"/>
                <a:gd name="connsiteY25" fmla="*/ 0 h 505"/>
                <a:gd name="connsiteX26" fmla="*/ 1338 w 1537"/>
                <a:gd name="connsiteY26" fmla="*/ 7 h 505"/>
                <a:gd name="connsiteX27" fmla="*/ 1392 w 1537"/>
                <a:gd name="connsiteY27" fmla="*/ 23 h 505"/>
                <a:gd name="connsiteX28" fmla="*/ 1445 w 1537"/>
                <a:gd name="connsiteY28" fmla="*/ 53 h 505"/>
                <a:gd name="connsiteX29" fmla="*/ 1499 w 1537"/>
                <a:gd name="connsiteY29" fmla="*/ 138 h 505"/>
                <a:gd name="connsiteX30" fmla="*/ 1537 w 1537"/>
                <a:gd name="connsiteY30" fmla="*/ 505 h 50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</a:cxnLst>
              <a:rect l="l" t="t" r="r" b="b"/>
              <a:pathLst>
                <a:path w="1537" h="505">
                  <a:moveTo>
                    <a:pt x="0" y="269"/>
                  </a:moveTo>
                  <a:lnTo>
                    <a:pt x="46" y="269"/>
                  </a:lnTo>
                  <a:lnTo>
                    <a:pt x="100" y="269"/>
                  </a:lnTo>
                  <a:lnTo>
                    <a:pt x="154" y="269"/>
                  </a:lnTo>
                  <a:lnTo>
                    <a:pt x="200" y="269"/>
                  </a:lnTo>
                  <a:lnTo>
                    <a:pt x="254" y="269"/>
                  </a:lnTo>
                  <a:lnTo>
                    <a:pt x="308" y="269"/>
                  </a:lnTo>
                  <a:cubicBezTo>
                    <a:pt x="326" y="266"/>
                    <a:pt x="344" y="264"/>
                    <a:pt x="362" y="261"/>
                  </a:cubicBezTo>
                  <a:lnTo>
                    <a:pt x="408" y="261"/>
                  </a:lnTo>
                  <a:lnTo>
                    <a:pt x="461" y="261"/>
                  </a:lnTo>
                  <a:cubicBezTo>
                    <a:pt x="479" y="258"/>
                    <a:pt x="497" y="256"/>
                    <a:pt x="515" y="253"/>
                  </a:cubicBezTo>
                  <a:lnTo>
                    <a:pt x="569" y="253"/>
                  </a:lnTo>
                  <a:cubicBezTo>
                    <a:pt x="584" y="251"/>
                    <a:pt x="600" y="248"/>
                    <a:pt x="615" y="246"/>
                  </a:cubicBezTo>
                  <a:lnTo>
                    <a:pt x="669" y="246"/>
                  </a:lnTo>
                  <a:cubicBezTo>
                    <a:pt x="687" y="243"/>
                    <a:pt x="705" y="241"/>
                    <a:pt x="723" y="238"/>
                  </a:cubicBezTo>
                  <a:cubicBezTo>
                    <a:pt x="738" y="235"/>
                    <a:pt x="754" y="233"/>
                    <a:pt x="769" y="230"/>
                  </a:cubicBezTo>
                  <a:cubicBezTo>
                    <a:pt x="787" y="228"/>
                    <a:pt x="805" y="225"/>
                    <a:pt x="823" y="223"/>
                  </a:cubicBezTo>
                  <a:cubicBezTo>
                    <a:pt x="841" y="220"/>
                    <a:pt x="859" y="218"/>
                    <a:pt x="877" y="215"/>
                  </a:cubicBezTo>
                  <a:cubicBezTo>
                    <a:pt x="895" y="212"/>
                    <a:pt x="912" y="210"/>
                    <a:pt x="930" y="207"/>
                  </a:cubicBezTo>
                  <a:cubicBezTo>
                    <a:pt x="946" y="204"/>
                    <a:pt x="961" y="202"/>
                    <a:pt x="977" y="199"/>
                  </a:cubicBezTo>
                  <a:lnTo>
                    <a:pt x="1030" y="184"/>
                  </a:lnTo>
                  <a:cubicBezTo>
                    <a:pt x="1048" y="171"/>
                    <a:pt x="1066" y="159"/>
                    <a:pt x="1084" y="146"/>
                  </a:cubicBezTo>
                  <a:cubicBezTo>
                    <a:pt x="1102" y="123"/>
                    <a:pt x="1120" y="99"/>
                    <a:pt x="1138" y="76"/>
                  </a:cubicBezTo>
                  <a:cubicBezTo>
                    <a:pt x="1153" y="58"/>
                    <a:pt x="1169" y="41"/>
                    <a:pt x="1184" y="23"/>
                  </a:cubicBezTo>
                  <a:cubicBezTo>
                    <a:pt x="1202" y="18"/>
                    <a:pt x="1220" y="12"/>
                    <a:pt x="1238" y="7"/>
                  </a:cubicBezTo>
                  <a:cubicBezTo>
                    <a:pt x="1256" y="5"/>
                    <a:pt x="1274" y="2"/>
                    <a:pt x="1292" y="0"/>
                  </a:cubicBezTo>
                  <a:cubicBezTo>
                    <a:pt x="1307" y="2"/>
                    <a:pt x="1323" y="5"/>
                    <a:pt x="1338" y="7"/>
                  </a:cubicBezTo>
                  <a:cubicBezTo>
                    <a:pt x="1356" y="12"/>
                    <a:pt x="1374" y="18"/>
                    <a:pt x="1392" y="23"/>
                  </a:cubicBezTo>
                  <a:cubicBezTo>
                    <a:pt x="1410" y="33"/>
                    <a:pt x="1427" y="43"/>
                    <a:pt x="1445" y="53"/>
                  </a:cubicBezTo>
                  <a:cubicBezTo>
                    <a:pt x="1463" y="81"/>
                    <a:pt x="1481" y="110"/>
                    <a:pt x="1499" y="138"/>
                  </a:cubicBezTo>
                  <a:cubicBezTo>
                    <a:pt x="1514" y="476"/>
                    <a:pt x="1522" y="167"/>
                    <a:pt x="1537" y="505"/>
                  </a:cubicBezTo>
                </a:path>
              </a:pathLst>
            </a:custGeom>
            <a:noFill/>
            <a:ln w="0">
              <a:solidFill>
                <a:schemeClr val="tx1"/>
              </a:solidFill>
              <a:prstDash val="solid"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grpSp>
          <p:nvGrpSpPr>
            <p:cNvPr id="242" name="Group 923"/>
            <p:cNvGrpSpPr/>
            <p:nvPr/>
          </p:nvGrpSpPr>
          <p:grpSpPr>
            <a:xfrm>
              <a:off x="2028825" y="2130426"/>
              <a:ext cx="6042025" cy="3989387"/>
              <a:chOff x="2028825" y="2130426"/>
              <a:chExt cx="6042025" cy="3989387"/>
            </a:xfrm>
          </p:grpSpPr>
          <p:sp>
            <p:nvSpPr>
              <p:cNvPr id="243" name="Freeform 855"/>
              <p:cNvSpPr>
                <a:spLocks/>
              </p:cNvSpPr>
              <p:nvPr/>
            </p:nvSpPr>
            <p:spPr bwMode="auto">
              <a:xfrm>
                <a:off x="2028825" y="4278313"/>
                <a:ext cx="4589463" cy="304800"/>
              </a:xfrm>
              <a:custGeom>
                <a:avLst/>
                <a:gdLst/>
                <a:ahLst/>
                <a:cxnLst>
                  <a:cxn ang="0">
                    <a:pos x="0" y="184"/>
                  </a:cxn>
                  <a:cxn ang="0">
                    <a:pos x="46" y="184"/>
                  </a:cxn>
                  <a:cxn ang="0">
                    <a:pos x="100" y="184"/>
                  </a:cxn>
                  <a:cxn ang="0">
                    <a:pos x="154" y="184"/>
                  </a:cxn>
                  <a:cxn ang="0">
                    <a:pos x="200" y="184"/>
                  </a:cxn>
                  <a:cxn ang="0">
                    <a:pos x="254" y="176"/>
                  </a:cxn>
                  <a:cxn ang="0">
                    <a:pos x="308" y="176"/>
                  </a:cxn>
                  <a:cxn ang="0">
                    <a:pos x="362" y="176"/>
                  </a:cxn>
                  <a:cxn ang="0">
                    <a:pos x="408" y="169"/>
                  </a:cxn>
                  <a:cxn ang="0">
                    <a:pos x="461" y="169"/>
                  </a:cxn>
                  <a:cxn ang="0">
                    <a:pos x="515" y="169"/>
                  </a:cxn>
                  <a:cxn ang="0">
                    <a:pos x="569" y="161"/>
                  </a:cxn>
                  <a:cxn ang="0">
                    <a:pos x="615" y="153"/>
                  </a:cxn>
                  <a:cxn ang="0">
                    <a:pos x="669" y="146"/>
                  </a:cxn>
                  <a:cxn ang="0">
                    <a:pos x="723" y="146"/>
                  </a:cxn>
                  <a:cxn ang="0">
                    <a:pos x="769" y="138"/>
                  </a:cxn>
                  <a:cxn ang="0">
                    <a:pos x="823" y="123"/>
                  </a:cxn>
                  <a:cxn ang="0">
                    <a:pos x="877" y="115"/>
                  </a:cxn>
                  <a:cxn ang="0">
                    <a:pos x="930" y="107"/>
                  </a:cxn>
                  <a:cxn ang="0">
                    <a:pos x="977" y="100"/>
                  </a:cxn>
                  <a:cxn ang="0">
                    <a:pos x="1030" y="84"/>
                  </a:cxn>
                  <a:cxn ang="0">
                    <a:pos x="1084" y="76"/>
                  </a:cxn>
                  <a:cxn ang="0">
                    <a:pos x="1138" y="61"/>
                  </a:cxn>
                  <a:cxn ang="0">
                    <a:pos x="1184" y="46"/>
                  </a:cxn>
                  <a:cxn ang="0">
                    <a:pos x="1238" y="38"/>
                  </a:cxn>
                  <a:cxn ang="0">
                    <a:pos x="1292" y="30"/>
                  </a:cxn>
                  <a:cxn ang="0">
                    <a:pos x="1338" y="15"/>
                  </a:cxn>
                  <a:cxn ang="0">
                    <a:pos x="1392" y="7"/>
                  </a:cxn>
                  <a:cxn ang="0">
                    <a:pos x="1445" y="0"/>
                  </a:cxn>
                  <a:cxn ang="0">
                    <a:pos x="1499" y="0"/>
                  </a:cxn>
                  <a:cxn ang="0">
                    <a:pos x="1545" y="0"/>
                  </a:cxn>
                  <a:cxn ang="0">
                    <a:pos x="1599" y="0"/>
                  </a:cxn>
                  <a:cxn ang="0">
                    <a:pos x="1653" y="7"/>
                  </a:cxn>
                  <a:cxn ang="0">
                    <a:pos x="1707" y="15"/>
                  </a:cxn>
                  <a:cxn ang="0">
                    <a:pos x="1753" y="23"/>
                  </a:cxn>
                  <a:cxn ang="0">
                    <a:pos x="1807" y="38"/>
                  </a:cxn>
                  <a:cxn ang="0">
                    <a:pos x="1861" y="53"/>
                  </a:cxn>
                  <a:cxn ang="0">
                    <a:pos x="1914" y="69"/>
                  </a:cxn>
                  <a:cxn ang="0">
                    <a:pos x="1961" y="92"/>
                  </a:cxn>
                  <a:cxn ang="0">
                    <a:pos x="2014" y="107"/>
                  </a:cxn>
                  <a:cxn ang="0">
                    <a:pos x="2068" y="123"/>
                  </a:cxn>
                  <a:cxn ang="0">
                    <a:pos x="2114" y="138"/>
                  </a:cxn>
                  <a:cxn ang="0">
                    <a:pos x="2168" y="153"/>
                  </a:cxn>
                  <a:cxn ang="0">
                    <a:pos x="2222" y="169"/>
                  </a:cxn>
                  <a:cxn ang="0">
                    <a:pos x="2276" y="176"/>
                  </a:cxn>
                  <a:cxn ang="0">
                    <a:pos x="2322" y="184"/>
                  </a:cxn>
                  <a:cxn ang="0">
                    <a:pos x="2376" y="192"/>
                  </a:cxn>
                  <a:cxn ang="0">
                    <a:pos x="2429" y="184"/>
                  </a:cxn>
                  <a:cxn ang="0">
                    <a:pos x="2483" y="138"/>
                  </a:cxn>
                  <a:cxn ang="0">
                    <a:pos x="2529" y="84"/>
                  </a:cxn>
                  <a:cxn ang="0">
                    <a:pos x="2583" y="69"/>
                  </a:cxn>
                  <a:cxn ang="0">
                    <a:pos x="2637" y="69"/>
                  </a:cxn>
                  <a:cxn ang="0">
                    <a:pos x="2683" y="61"/>
                  </a:cxn>
                  <a:cxn ang="0">
                    <a:pos x="2737" y="61"/>
                  </a:cxn>
                  <a:cxn ang="0">
                    <a:pos x="2791" y="46"/>
                  </a:cxn>
                  <a:cxn ang="0">
                    <a:pos x="2845" y="23"/>
                  </a:cxn>
                  <a:cxn ang="0">
                    <a:pos x="2891" y="169"/>
                  </a:cxn>
                </a:cxnLst>
                <a:rect l="0" t="0" r="r" b="b"/>
                <a:pathLst>
                  <a:path w="2891" h="192">
                    <a:moveTo>
                      <a:pt x="0" y="184"/>
                    </a:moveTo>
                    <a:lnTo>
                      <a:pt x="46" y="184"/>
                    </a:lnTo>
                    <a:lnTo>
                      <a:pt x="100" y="184"/>
                    </a:lnTo>
                    <a:lnTo>
                      <a:pt x="154" y="184"/>
                    </a:lnTo>
                    <a:lnTo>
                      <a:pt x="200" y="184"/>
                    </a:lnTo>
                    <a:lnTo>
                      <a:pt x="254" y="176"/>
                    </a:lnTo>
                    <a:lnTo>
                      <a:pt x="308" y="176"/>
                    </a:lnTo>
                    <a:lnTo>
                      <a:pt x="362" y="176"/>
                    </a:lnTo>
                    <a:lnTo>
                      <a:pt x="408" y="169"/>
                    </a:lnTo>
                    <a:lnTo>
                      <a:pt x="461" y="169"/>
                    </a:lnTo>
                    <a:lnTo>
                      <a:pt x="515" y="169"/>
                    </a:lnTo>
                    <a:lnTo>
                      <a:pt x="569" y="161"/>
                    </a:lnTo>
                    <a:lnTo>
                      <a:pt x="615" y="153"/>
                    </a:lnTo>
                    <a:lnTo>
                      <a:pt x="669" y="146"/>
                    </a:lnTo>
                    <a:lnTo>
                      <a:pt x="723" y="146"/>
                    </a:lnTo>
                    <a:lnTo>
                      <a:pt x="769" y="138"/>
                    </a:lnTo>
                    <a:lnTo>
                      <a:pt x="823" y="123"/>
                    </a:lnTo>
                    <a:lnTo>
                      <a:pt x="877" y="115"/>
                    </a:lnTo>
                    <a:lnTo>
                      <a:pt x="930" y="107"/>
                    </a:lnTo>
                    <a:lnTo>
                      <a:pt x="977" y="100"/>
                    </a:lnTo>
                    <a:lnTo>
                      <a:pt x="1030" y="84"/>
                    </a:lnTo>
                    <a:lnTo>
                      <a:pt x="1084" y="76"/>
                    </a:lnTo>
                    <a:lnTo>
                      <a:pt x="1138" y="61"/>
                    </a:lnTo>
                    <a:lnTo>
                      <a:pt x="1184" y="46"/>
                    </a:lnTo>
                    <a:lnTo>
                      <a:pt x="1238" y="38"/>
                    </a:lnTo>
                    <a:lnTo>
                      <a:pt x="1292" y="30"/>
                    </a:lnTo>
                    <a:lnTo>
                      <a:pt x="1338" y="15"/>
                    </a:lnTo>
                    <a:lnTo>
                      <a:pt x="1392" y="7"/>
                    </a:lnTo>
                    <a:lnTo>
                      <a:pt x="1445" y="0"/>
                    </a:lnTo>
                    <a:lnTo>
                      <a:pt x="1499" y="0"/>
                    </a:lnTo>
                    <a:lnTo>
                      <a:pt x="1545" y="0"/>
                    </a:lnTo>
                    <a:lnTo>
                      <a:pt x="1599" y="0"/>
                    </a:lnTo>
                    <a:lnTo>
                      <a:pt x="1653" y="7"/>
                    </a:lnTo>
                    <a:lnTo>
                      <a:pt x="1707" y="15"/>
                    </a:lnTo>
                    <a:lnTo>
                      <a:pt x="1753" y="23"/>
                    </a:lnTo>
                    <a:lnTo>
                      <a:pt x="1807" y="38"/>
                    </a:lnTo>
                    <a:lnTo>
                      <a:pt x="1861" y="53"/>
                    </a:lnTo>
                    <a:lnTo>
                      <a:pt x="1914" y="69"/>
                    </a:lnTo>
                    <a:lnTo>
                      <a:pt x="1961" y="92"/>
                    </a:lnTo>
                    <a:lnTo>
                      <a:pt x="2014" y="107"/>
                    </a:lnTo>
                    <a:lnTo>
                      <a:pt x="2068" y="123"/>
                    </a:lnTo>
                    <a:lnTo>
                      <a:pt x="2114" y="138"/>
                    </a:lnTo>
                    <a:lnTo>
                      <a:pt x="2168" y="153"/>
                    </a:lnTo>
                    <a:lnTo>
                      <a:pt x="2222" y="169"/>
                    </a:lnTo>
                    <a:lnTo>
                      <a:pt x="2276" y="176"/>
                    </a:lnTo>
                    <a:lnTo>
                      <a:pt x="2322" y="184"/>
                    </a:lnTo>
                    <a:lnTo>
                      <a:pt x="2376" y="192"/>
                    </a:lnTo>
                    <a:lnTo>
                      <a:pt x="2429" y="184"/>
                    </a:lnTo>
                    <a:lnTo>
                      <a:pt x="2483" y="138"/>
                    </a:lnTo>
                    <a:lnTo>
                      <a:pt x="2529" y="84"/>
                    </a:lnTo>
                    <a:lnTo>
                      <a:pt x="2583" y="69"/>
                    </a:lnTo>
                    <a:lnTo>
                      <a:pt x="2637" y="69"/>
                    </a:lnTo>
                    <a:lnTo>
                      <a:pt x="2683" y="61"/>
                    </a:lnTo>
                    <a:lnTo>
                      <a:pt x="2737" y="61"/>
                    </a:lnTo>
                    <a:lnTo>
                      <a:pt x="2791" y="46"/>
                    </a:lnTo>
                    <a:lnTo>
                      <a:pt x="2845" y="23"/>
                    </a:lnTo>
                    <a:lnTo>
                      <a:pt x="2891" y="169"/>
                    </a:lnTo>
                  </a:path>
                </a:pathLst>
              </a:custGeom>
              <a:noFill/>
              <a:ln w="0">
                <a:solidFill>
                  <a:schemeClr val="tx1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grpSp>
            <p:nvGrpSpPr>
              <p:cNvPr id="244" name="Group 922"/>
              <p:cNvGrpSpPr/>
              <p:nvPr/>
            </p:nvGrpSpPr>
            <p:grpSpPr>
              <a:xfrm>
                <a:off x="2028825" y="2130426"/>
                <a:ext cx="6042025" cy="3989387"/>
                <a:chOff x="2028825" y="2130426"/>
                <a:chExt cx="6042025" cy="3989387"/>
              </a:xfrm>
            </p:grpSpPr>
            <p:sp>
              <p:nvSpPr>
                <p:cNvPr id="245" name="Freeform 859"/>
                <p:cNvSpPr>
                  <a:spLocks/>
                </p:cNvSpPr>
                <p:nvPr/>
              </p:nvSpPr>
              <p:spPr bwMode="auto">
                <a:xfrm>
                  <a:off x="2028825" y="4594225"/>
                  <a:ext cx="5576888" cy="1355725"/>
                </a:xfrm>
                <a:custGeom>
                  <a:avLst/>
                  <a:gdLst/>
                  <a:ahLst/>
                  <a:cxnLst>
                    <a:cxn ang="0">
                      <a:pos x="46" y="446"/>
                    </a:cxn>
                    <a:cxn ang="0">
                      <a:pos x="154" y="446"/>
                    </a:cxn>
                    <a:cxn ang="0">
                      <a:pos x="254" y="439"/>
                    </a:cxn>
                    <a:cxn ang="0">
                      <a:pos x="362" y="439"/>
                    </a:cxn>
                    <a:cxn ang="0">
                      <a:pos x="461" y="431"/>
                    </a:cxn>
                    <a:cxn ang="0">
                      <a:pos x="569" y="423"/>
                    </a:cxn>
                    <a:cxn ang="0">
                      <a:pos x="669" y="408"/>
                    </a:cxn>
                    <a:cxn ang="0">
                      <a:pos x="769" y="393"/>
                    </a:cxn>
                    <a:cxn ang="0">
                      <a:pos x="877" y="377"/>
                    </a:cxn>
                    <a:cxn ang="0">
                      <a:pos x="977" y="354"/>
                    </a:cxn>
                    <a:cxn ang="0">
                      <a:pos x="1084" y="331"/>
                    </a:cxn>
                    <a:cxn ang="0">
                      <a:pos x="1184" y="308"/>
                    </a:cxn>
                    <a:cxn ang="0">
                      <a:pos x="1292" y="285"/>
                    </a:cxn>
                    <a:cxn ang="0">
                      <a:pos x="1392" y="262"/>
                    </a:cxn>
                    <a:cxn ang="0">
                      <a:pos x="1499" y="254"/>
                    </a:cxn>
                    <a:cxn ang="0">
                      <a:pos x="1599" y="254"/>
                    </a:cxn>
                    <a:cxn ang="0">
                      <a:pos x="1707" y="262"/>
                    </a:cxn>
                    <a:cxn ang="0">
                      <a:pos x="1807" y="285"/>
                    </a:cxn>
                    <a:cxn ang="0">
                      <a:pos x="1914" y="316"/>
                    </a:cxn>
                    <a:cxn ang="0">
                      <a:pos x="2014" y="354"/>
                    </a:cxn>
                    <a:cxn ang="0">
                      <a:pos x="2114" y="385"/>
                    </a:cxn>
                    <a:cxn ang="0">
                      <a:pos x="2222" y="408"/>
                    </a:cxn>
                    <a:cxn ang="0">
                      <a:pos x="2322" y="431"/>
                    </a:cxn>
                    <a:cxn ang="0">
                      <a:pos x="2429" y="439"/>
                    </a:cxn>
                    <a:cxn ang="0">
                      <a:pos x="2529" y="446"/>
                    </a:cxn>
                    <a:cxn ang="0">
                      <a:pos x="2637" y="446"/>
                    </a:cxn>
                    <a:cxn ang="0">
                      <a:pos x="2737" y="446"/>
                    </a:cxn>
                    <a:cxn ang="0">
                      <a:pos x="2845" y="431"/>
                    </a:cxn>
                    <a:cxn ang="0">
                      <a:pos x="2945" y="416"/>
                    </a:cxn>
                    <a:cxn ang="0">
                      <a:pos x="3052" y="354"/>
                    </a:cxn>
                    <a:cxn ang="0">
                      <a:pos x="3152" y="208"/>
                    </a:cxn>
                    <a:cxn ang="0">
                      <a:pos x="3260" y="131"/>
                    </a:cxn>
                    <a:cxn ang="0">
                      <a:pos x="3360" y="62"/>
                    </a:cxn>
                    <a:cxn ang="0">
                      <a:pos x="3460" y="0"/>
                    </a:cxn>
                  </a:cxnLst>
                  <a:rect l="0" t="0" r="r" b="b"/>
                  <a:pathLst>
                    <a:path w="3513" h="854">
                      <a:moveTo>
                        <a:pt x="0" y="446"/>
                      </a:moveTo>
                      <a:lnTo>
                        <a:pt x="46" y="446"/>
                      </a:lnTo>
                      <a:lnTo>
                        <a:pt x="100" y="446"/>
                      </a:lnTo>
                      <a:lnTo>
                        <a:pt x="154" y="446"/>
                      </a:lnTo>
                      <a:lnTo>
                        <a:pt x="200" y="439"/>
                      </a:lnTo>
                      <a:lnTo>
                        <a:pt x="254" y="439"/>
                      </a:lnTo>
                      <a:lnTo>
                        <a:pt x="308" y="439"/>
                      </a:lnTo>
                      <a:lnTo>
                        <a:pt x="362" y="439"/>
                      </a:lnTo>
                      <a:lnTo>
                        <a:pt x="408" y="431"/>
                      </a:lnTo>
                      <a:lnTo>
                        <a:pt x="461" y="431"/>
                      </a:lnTo>
                      <a:lnTo>
                        <a:pt x="515" y="423"/>
                      </a:lnTo>
                      <a:lnTo>
                        <a:pt x="569" y="423"/>
                      </a:lnTo>
                      <a:lnTo>
                        <a:pt x="615" y="416"/>
                      </a:lnTo>
                      <a:lnTo>
                        <a:pt x="669" y="408"/>
                      </a:lnTo>
                      <a:lnTo>
                        <a:pt x="723" y="400"/>
                      </a:lnTo>
                      <a:lnTo>
                        <a:pt x="769" y="393"/>
                      </a:lnTo>
                      <a:lnTo>
                        <a:pt x="823" y="385"/>
                      </a:lnTo>
                      <a:lnTo>
                        <a:pt x="877" y="377"/>
                      </a:lnTo>
                      <a:lnTo>
                        <a:pt x="930" y="369"/>
                      </a:lnTo>
                      <a:lnTo>
                        <a:pt x="977" y="354"/>
                      </a:lnTo>
                      <a:lnTo>
                        <a:pt x="1030" y="346"/>
                      </a:lnTo>
                      <a:lnTo>
                        <a:pt x="1084" y="331"/>
                      </a:lnTo>
                      <a:lnTo>
                        <a:pt x="1138" y="316"/>
                      </a:lnTo>
                      <a:lnTo>
                        <a:pt x="1184" y="308"/>
                      </a:lnTo>
                      <a:lnTo>
                        <a:pt x="1238" y="293"/>
                      </a:lnTo>
                      <a:lnTo>
                        <a:pt x="1292" y="285"/>
                      </a:lnTo>
                      <a:lnTo>
                        <a:pt x="1338" y="277"/>
                      </a:lnTo>
                      <a:lnTo>
                        <a:pt x="1392" y="262"/>
                      </a:lnTo>
                      <a:lnTo>
                        <a:pt x="1445" y="254"/>
                      </a:lnTo>
                      <a:lnTo>
                        <a:pt x="1499" y="254"/>
                      </a:lnTo>
                      <a:lnTo>
                        <a:pt x="1545" y="254"/>
                      </a:lnTo>
                      <a:lnTo>
                        <a:pt x="1599" y="254"/>
                      </a:lnTo>
                      <a:lnTo>
                        <a:pt x="1653" y="254"/>
                      </a:lnTo>
                      <a:lnTo>
                        <a:pt x="1707" y="262"/>
                      </a:lnTo>
                      <a:lnTo>
                        <a:pt x="1753" y="277"/>
                      </a:lnTo>
                      <a:lnTo>
                        <a:pt x="1807" y="285"/>
                      </a:lnTo>
                      <a:lnTo>
                        <a:pt x="1861" y="300"/>
                      </a:lnTo>
                      <a:lnTo>
                        <a:pt x="1914" y="316"/>
                      </a:lnTo>
                      <a:lnTo>
                        <a:pt x="1961" y="331"/>
                      </a:lnTo>
                      <a:lnTo>
                        <a:pt x="2014" y="354"/>
                      </a:lnTo>
                      <a:lnTo>
                        <a:pt x="2068" y="369"/>
                      </a:lnTo>
                      <a:lnTo>
                        <a:pt x="2114" y="385"/>
                      </a:lnTo>
                      <a:lnTo>
                        <a:pt x="2168" y="393"/>
                      </a:lnTo>
                      <a:lnTo>
                        <a:pt x="2222" y="408"/>
                      </a:lnTo>
                      <a:lnTo>
                        <a:pt x="2276" y="416"/>
                      </a:lnTo>
                      <a:lnTo>
                        <a:pt x="2322" y="431"/>
                      </a:lnTo>
                      <a:lnTo>
                        <a:pt x="2376" y="439"/>
                      </a:lnTo>
                      <a:lnTo>
                        <a:pt x="2429" y="439"/>
                      </a:lnTo>
                      <a:lnTo>
                        <a:pt x="2483" y="446"/>
                      </a:lnTo>
                      <a:lnTo>
                        <a:pt x="2529" y="446"/>
                      </a:lnTo>
                      <a:lnTo>
                        <a:pt x="2583" y="446"/>
                      </a:lnTo>
                      <a:lnTo>
                        <a:pt x="2637" y="446"/>
                      </a:lnTo>
                      <a:lnTo>
                        <a:pt x="2683" y="446"/>
                      </a:lnTo>
                      <a:lnTo>
                        <a:pt x="2737" y="446"/>
                      </a:lnTo>
                      <a:lnTo>
                        <a:pt x="2791" y="439"/>
                      </a:lnTo>
                      <a:lnTo>
                        <a:pt x="2845" y="431"/>
                      </a:lnTo>
                      <a:lnTo>
                        <a:pt x="2891" y="423"/>
                      </a:lnTo>
                      <a:lnTo>
                        <a:pt x="2945" y="416"/>
                      </a:lnTo>
                      <a:lnTo>
                        <a:pt x="2998" y="400"/>
                      </a:lnTo>
                      <a:lnTo>
                        <a:pt x="3052" y="354"/>
                      </a:lnTo>
                      <a:lnTo>
                        <a:pt x="3098" y="277"/>
                      </a:lnTo>
                      <a:lnTo>
                        <a:pt x="3152" y="208"/>
                      </a:lnTo>
                      <a:lnTo>
                        <a:pt x="3206" y="162"/>
                      </a:lnTo>
                      <a:lnTo>
                        <a:pt x="3260" y="131"/>
                      </a:lnTo>
                      <a:lnTo>
                        <a:pt x="3306" y="93"/>
                      </a:lnTo>
                      <a:lnTo>
                        <a:pt x="3360" y="62"/>
                      </a:lnTo>
                      <a:lnTo>
                        <a:pt x="3413" y="24"/>
                      </a:lnTo>
                      <a:lnTo>
                        <a:pt x="3460" y="0"/>
                      </a:lnTo>
                      <a:lnTo>
                        <a:pt x="3513" y="854"/>
                      </a:lnTo>
                    </a:path>
                  </a:pathLst>
                </a:custGeom>
                <a:noFill/>
                <a:ln w="0">
                  <a:solidFill>
                    <a:schemeClr val="tx1"/>
                  </a:solidFill>
                  <a:prstDash val="solid"/>
                  <a:round/>
                  <a:headEnd/>
                  <a:tailEnd/>
                </a:ln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grpSp>
              <p:nvGrpSpPr>
                <p:cNvPr id="246" name="Group 921"/>
                <p:cNvGrpSpPr/>
                <p:nvPr/>
              </p:nvGrpSpPr>
              <p:grpSpPr>
                <a:xfrm>
                  <a:off x="2028825" y="2130426"/>
                  <a:ext cx="6042025" cy="3989387"/>
                  <a:chOff x="2028825" y="2130426"/>
                  <a:chExt cx="6042025" cy="3989387"/>
                </a:xfrm>
              </p:grpSpPr>
              <p:sp>
                <p:nvSpPr>
                  <p:cNvPr id="247" name="Freeform 842"/>
                  <p:cNvSpPr>
                    <a:spLocks/>
                  </p:cNvSpPr>
                  <p:nvPr/>
                </p:nvSpPr>
                <p:spPr bwMode="auto">
                  <a:xfrm>
                    <a:off x="2028825" y="2130426"/>
                    <a:ext cx="1720850" cy="427038"/>
                  </a:xfrm>
                  <a:custGeom>
                    <a:avLst/>
                    <a:gdLst/>
                    <a:ahLst/>
                    <a:cxnLst>
                      <a:cxn ang="0">
                        <a:pos x="0" y="192"/>
                      </a:cxn>
                      <a:cxn ang="0">
                        <a:pos x="46" y="192"/>
                      </a:cxn>
                      <a:cxn ang="0">
                        <a:pos x="100" y="192"/>
                      </a:cxn>
                      <a:cxn ang="0">
                        <a:pos x="154" y="192"/>
                      </a:cxn>
                      <a:cxn ang="0">
                        <a:pos x="200" y="192"/>
                      </a:cxn>
                      <a:cxn ang="0">
                        <a:pos x="254" y="192"/>
                      </a:cxn>
                      <a:cxn ang="0">
                        <a:pos x="308" y="184"/>
                      </a:cxn>
                      <a:cxn ang="0">
                        <a:pos x="362" y="184"/>
                      </a:cxn>
                      <a:cxn ang="0">
                        <a:pos x="408" y="184"/>
                      </a:cxn>
                      <a:cxn ang="0">
                        <a:pos x="461" y="184"/>
                      </a:cxn>
                      <a:cxn ang="0">
                        <a:pos x="515" y="176"/>
                      </a:cxn>
                      <a:cxn ang="0">
                        <a:pos x="569" y="176"/>
                      </a:cxn>
                      <a:cxn ang="0">
                        <a:pos x="615" y="153"/>
                      </a:cxn>
                      <a:cxn ang="0">
                        <a:pos x="669" y="92"/>
                      </a:cxn>
                      <a:cxn ang="0">
                        <a:pos x="723" y="30"/>
                      </a:cxn>
                      <a:cxn ang="0">
                        <a:pos x="769" y="15"/>
                      </a:cxn>
                      <a:cxn ang="0">
                        <a:pos x="823" y="7"/>
                      </a:cxn>
                      <a:cxn ang="0">
                        <a:pos x="877" y="0"/>
                      </a:cxn>
                      <a:cxn ang="0">
                        <a:pos x="930" y="0"/>
                      </a:cxn>
                      <a:cxn ang="0">
                        <a:pos x="977" y="7"/>
                      </a:cxn>
                      <a:cxn ang="0">
                        <a:pos x="1030" y="23"/>
                      </a:cxn>
                      <a:cxn ang="0">
                        <a:pos x="1084" y="269"/>
                      </a:cxn>
                    </a:cxnLst>
                    <a:rect l="0" t="0" r="r" b="b"/>
                    <a:pathLst>
                      <a:path w="1084" h="269">
                        <a:moveTo>
                          <a:pt x="0" y="192"/>
                        </a:moveTo>
                        <a:lnTo>
                          <a:pt x="46" y="192"/>
                        </a:lnTo>
                        <a:lnTo>
                          <a:pt x="100" y="192"/>
                        </a:lnTo>
                        <a:lnTo>
                          <a:pt x="154" y="192"/>
                        </a:lnTo>
                        <a:lnTo>
                          <a:pt x="200" y="192"/>
                        </a:lnTo>
                        <a:lnTo>
                          <a:pt x="254" y="192"/>
                        </a:lnTo>
                        <a:lnTo>
                          <a:pt x="308" y="184"/>
                        </a:lnTo>
                        <a:lnTo>
                          <a:pt x="362" y="184"/>
                        </a:lnTo>
                        <a:lnTo>
                          <a:pt x="408" y="184"/>
                        </a:lnTo>
                        <a:lnTo>
                          <a:pt x="461" y="184"/>
                        </a:lnTo>
                        <a:lnTo>
                          <a:pt x="515" y="176"/>
                        </a:lnTo>
                        <a:lnTo>
                          <a:pt x="569" y="176"/>
                        </a:lnTo>
                        <a:lnTo>
                          <a:pt x="615" y="153"/>
                        </a:lnTo>
                        <a:lnTo>
                          <a:pt x="669" y="92"/>
                        </a:lnTo>
                        <a:lnTo>
                          <a:pt x="723" y="30"/>
                        </a:lnTo>
                        <a:lnTo>
                          <a:pt x="769" y="15"/>
                        </a:lnTo>
                        <a:lnTo>
                          <a:pt x="823" y="7"/>
                        </a:lnTo>
                        <a:lnTo>
                          <a:pt x="877" y="0"/>
                        </a:lnTo>
                        <a:lnTo>
                          <a:pt x="930" y="0"/>
                        </a:lnTo>
                        <a:lnTo>
                          <a:pt x="977" y="7"/>
                        </a:lnTo>
                        <a:lnTo>
                          <a:pt x="1030" y="23"/>
                        </a:lnTo>
                        <a:lnTo>
                          <a:pt x="1084" y="269"/>
                        </a:lnTo>
                      </a:path>
                    </a:pathLst>
                  </a:custGeom>
                  <a:noFill/>
                  <a:ln w="0">
                    <a:solidFill>
                      <a:schemeClr val="tx1"/>
                    </a:solidFill>
                    <a:prstDash val="solid"/>
                    <a:round/>
                    <a:headEnd/>
                    <a:tailEnd/>
                  </a:ln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248" name="Freeform 843"/>
                  <p:cNvSpPr>
                    <a:spLocks/>
                  </p:cNvSpPr>
                  <p:nvPr/>
                </p:nvSpPr>
                <p:spPr bwMode="auto">
                  <a:xfrm>
                    <a:off x="2028825" y="2251076"/>
                    <a:ext cx="1965325" cy="561975"/>
                  </a:xfrm>
                  <a:custGeom>
                    <a:avLst/>
                    <a:gdLst/>
                    <a:ahLst/>
                    <a:cxnLst>
                      <a:cxn ang="0">
                        <a:pos x="0" y="223"/>
                      </a:cxn>
                      <a:cxn ang="0">
                        <a:pos x="46" y="223"/>
                      </a:cxn>
                      <a:cxn ang="0">
                        <a:pos x="100" y="223"/>
                      </a:cxn>
                      <a:cxn ang="0">
                        <a:pos x="154" y="223"/>
                      </a:cxn>
                      <a:cxn ang="0">
                        <a:pos x="200" y="223"/>
                      </a:cxn>
                      <a:cxn ang="0">
                        <a:pos x="254" y="216"/>
                      </a:cxn>
                      <a:cxn ang="0">
                        <a:pos x="308" y="216"/>
                      </a:cxn>
                      <a:cxn ang="0">
                        <a:pos x="362" y="216"/>
                      </a:cxn>
                      <a:cxn ang="0">
                        <a:pos x="408" y="216"/>
                      </a:cxn>
                      <a:cxn ang="0">
                        <a:pos x="461" y="216"/>
                      </a:cxn>
                      <a:cxn ang="0">
                        <a:pos x="515" y="208"/>
                      </a:cxn>
                      <a:cxn ang="0">
                        <a:pos x="569" y="208"/>
                      </a:cxn>
                      <a:cxn ang="0">
                        <a:pos x="615" y="200"/>
                      </a:cxn>
                      <a:cxn ang="0">
                        <a:pos x="669" y="200"/>
                      </a:cxn>
                      <a:cxn ang="0">
                        <a:pos x="723" y="185"/>
                      </a:cxn>
                      <a:cxn ang="0">
                        <a:pos x="769" y="162"/>
                      </a:cxn>
                      <a:cxn ang="0">
                        <a:pos x="823" y="100"/>
                      </a:cxn>
                      <a:cxn ang="0">
                        <a:pos x="877" y="39"/>
                      </a:cxn>
                      <a:cxn ang="0">
                        <a:pos x="930" y="16"/>
                      </a:cxn>
                      <a:cxn ang="0">
                        <a:pos x="977" y="8"/>
                      </a:cxn>
                      <a:cxn ang="0">
                        <a:pos x="1030" y="0"/>
                      </a:cxn>
                      <a:cxn ang="0">
                        <a:pos x="1084" y="0"/>
                      </a:cxn>
                      <a:cxn ang="0">
                        <a:pos x="1138" y="8"/>
                      </a:cxn>
                      <a:cxn ang="0">
                        <a:pos x="1184" y="31"/>
                      </a:cxn>
                      <a:cxn ang="0">
                        <a:pos x="1238" y="354"/>
                      </a:cxn>
                    </a:cxnLst>
                    <a:rect l="0" t="0" r="r" b="b"/>
                    <a:pathLst>
                      <a:path w="1238" h="354">
                        <a:moveTo>
                          <a:pt x="0" y="223"/>
                        </a:moveTo>
                        <a:lnTo>
                          <a:pt x="46" y="223"/>
                        </a:lnTo>
                        <a:lnTo>
                          <a:pt x="100" y="223"/>
                        </a:lnTo>
                        <a:lnTo>
                          <a:pt x="154" y="223"/>
                        </a:lnTo>
                        <a:lnTo>
                          <a:pt x="200" y="223"/>
                        </a:lnTo>
                        <a:lnTo>
                          <a:pt x="254" y="216"/>
                        </a:lnTo>
                        <a:lnTo>
                          <a:pt x="308" y="216"/>
                        </a:lnTo>
                        <a:lnTo>
                          <a:pt x="362" y="216"/>
                        </a:lnTo>
                        <a:lnTo>
                          <a:pt x="408" y="216"/>
                        </a:lnTo>
                        <a:lnTo>
                          <a:pt x="461" y="216"/>
                        </a:lnTo>
                        <a:lnTo>
                          <a:pt x="515" y="208"/>
                        </a:lnTo>
                        <a:lnTo>
                          <a:pt x="569" y="208"/>
                        </a:lnTo>
                        <a:lnTo>
                          <a:pt x="615" y="200"/>
                        </a:lnTo>
                        <a:lnTo>
                          <a:pt x="669" y="200"/>
                        </a:lnTo>
                        <a:lnTo>
                          <a:pt x="723" y="185"/>
                        </a:lnTo>
                        <a:lnTo>
                          <a:pt x="769" y="162"/>
                        </a:lnTo>
                        <a:lnTo>
                          <a:pt x="823" y="100"/>
                        </a:lnTo>
                        <a:lnTo>
                          <a:pt x="877" y="39"/>
                        </a:lnTo>
                        <a:lnTo>
                          <a:pt x="930" y="16"/>
                        </a:lnTo>
                        <a:lnTo>
                          <a:pt x="977" y="8"/>
                        </a:lnTo>
                        <a:lnTo>
                          <a:pt x="1030" y="0"/>
                        </a:lnTo>
                        <a:lnTo>
                          <a:pt x="1084" y="0"/>
                        </a:lnTo>
                        <a:lnTo>
                          <a:pt x="1138" y="8"/>
                        </a:lnTo>
                        <a:lnTo>
                          <a:pt x="1184" y="31"/>
                        </a:lnTo>
                        <a:lnTo>
                          <a:pt x="1238" y="354"/>
                        </a:lnTo>
                      </a:path>
                    </a:pathLst>
                  </a:custGeom>
                  <a:noFill/>
                  <a:ln w="0">
                    <a:solidFill>
                      <a:schemeClr val="tx1"/>
                    </a:solidFill>
                    <a:prstDash val="solid"/>
                    <a:round/>
                    <a:headEnd/>
                    <a:tailEnd/>
                  </a:ln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249" name="Freeform 847"/>
                  <p:cNvSpPr>
                    <a:spLocks/>
                  </p:cNvSpPr>
                  <p:nvPr/>
                </p:nvSpPr>
                <p:spPr bwMode="auto">
                  <a:xfrm>
                    <a:off x="2028825" y="2679700"/>
                    <a:ext cx="2624138" cy="450850"/>
                  </a:xfrm>
                  <a:custGeom>
                    <a:avLst/>
                    <a:gdLst/>
                    <a:ahLst/>
                    <a:cxnLst>
                      <a:cxn ang="0">
                        <a:pos x="0" y="284"/>
                      </a:cxn>
                      <a:cxn ang="0">
                        <a:pos x="46" y="284"/>
                      </a:cxn>
                      <a:cxn ang="0">
                        <a:pos x="100" y="284"/>
                      </a:cxn>
                      <a:cxn ang="0">
                        <a:pos x="154" y="276"/>
                      </a:cxn>
                      <a:cxn ang="0">
                        <a:pos x="200" y="276"/>
                      </a:cxn>
                      <a:cxn ang="0">
                        <a:pos x="254" y="276"/>
                      </a:cxn>
                      <a:cxn ang="0">
                        <a:pos x="308" y="276"/>
                      </a:cxn>
                      <a:cxn ang="0">
                        <a:pos x="362" y="276"/>
                      </a:cxn>
                      <a:cxn ang="0">
                        <a:pos x="408" y="276"/>
                      </a:cxn>
                      <a:cxn ang="0">
                        <a:pos x="461" y="269"/>
                      </a:cxn>
                      <a:cxn ang="0">
                        <a:pos x="515" y="269"/>
                      </a:cxn>
                      <a:cxn ang="0">
                        <a:pos x="569" y="261"/>
                      </a:cxn>
                      <a:cxn ang="0">
                        <a:pos x="615" y="261"/>
                      </a:cxn>
                      <a:cxn ang="0">
                        <a:pos x="669" y="253"/>
                      </a:cxn>
                      <a:cxn ang="0">
                        <a:pos x="723" y="246"/>
                      </a:cxn>
                      <a:cxn ang="0">
                        <a:pos x="769" y="238"/>
                      </a:cxn>
                      <a:cxn ang="0">
                        <a:pos x="823" y="230"/>
                      </a:cxn>
                      <a:cxn ang="0">
                        <a:pos x="877" y="222"/>
                      </a:cxn>
                      <a:cxn ang="0">
                        <a:pos x="930" y="215"/>
                      </a:cxn>
                      <a:cxn ang="0">
                        <a:pos x="977" y="207"/>
                      </a:cxn>
                      <a:cxn ang="0">
                        <a:pos x="1030" y="199"/>
                      </a:cxn>
                      <a:cxn ang="0">
                        <a:pos x="1084" y="184"/>
                      </a:cxn>
                      <a:cxn ang="0">
                        <a:pos x="1138" y="176"/>
                      </a:cxn>
                      <a:cxn ang="0">
                        <a:pos x="1184" y="161"/>
                      </a:cxn>
                      <a:cxn ang="0">
                        <a:pos x="1238" y="123"/>
                      </a:cxn>
                      <a:cxn ang="0">
                        <a:pos x="1292" y="53"/>
                      </a:cxn>
                      <a:cxn ang="0">
                        <a:pos x="1338" y="7"/>
                      </a:cxn>
                      <a:cxn ang="0">
                        <a:pos x="1392" y="0"/>
                      </a:cxn>
                      <a:cxn ang="0">
                        <a:pos x="1445" y="7"/>
                      </a:cxn>
                      <a:cxn ang="0">
                        <a:pos x="1499" y="23"/>
                      </a:cxn>
                      <a:cxn ang="0">
                        <a:pos x="1545" y="53"/>
                      </a:cxn>
                      <a:cxn ang="0">
                        <a:pos x="1599" y="115"/>
                      </a:cxn>
                      <a:cxn ang="0">
                        <a:pos x="1653" y="238"/>
                      </a:cxn>
                    </a:cxnLst>
                    <a:rect l="0" t="0" r="r" b="b"/>
                    <a:pathLst>
                      <a:path w="1653" h="284">
                        <a:moveTo>
                          <a:pt x="0" y="284"/>
                        </a:moveTo>
                        <a:lnTo>
                          <a:pt x="46" y="284"/>
                        </a:lnTo>
                        <a:lnTo>
                          <a:pt x="100" y="284"/>
                        </a:lnTo>
                        <a:lnTo>
                          <a:pt x="154" y="276"/>
                        </a:lnTo>
                        <a:lnTo>
                          <a:pt x="200" y="276"/>
                        </a:lnTo>
                        <a:lnTo>
                          <a:pt x="254" y="276"/>
                        </a:lnTo>
                        <a:lnTo>
                          <a:pt x="308" y="276"/>
                        </a:lnTo>
                        <a:lnTo>
                          <a:pt x="362" y="276"/>
                        </a:lnTo>
                        <a:lnTo>
                          <a:pt x="408" y="276"/>
                        </a:lnTo>
                        <a:lnTo>
                          <a:pt x="461" y="269"/>
                        </a:lnTo>
                        <a:lnTo>
                          <a:pt x="515" y="269"/>
                        </a:lnTo>
                        <a:lnTo>
                          <a:pt x="569" y="261"/>
                        </a:lnTo>
                        <a:lnTo>
                          <a:pt x="615" y="261"/>
                        </a:lnTo>
                        <a:lnTo>
                          <a:pt x="669" y="253"/>
                        </a:lnTo>
                        <a:lnTo>
                          <a:pt x="723" y="246"/>
                        </a:lnTo>
                        <a:lnTo>
                          <a:pt x="769" y="238"/>
                        </a:lnTo>
                        <a:lnTo>
                          <a:pt x="823" y="230"/>
                        </a:lnTo>
                        <a:lnTo>
                          <a:pt x="877" y="222"/>
                        </a:lnTo>
                        <a:lnTo>
                          <a:pt x="930" y="215"/>
                        </a:lnTo>
                        <a:lnTo>
                          <a:pt x="977" y="207"/>
                        </a:lnTo>
                        <a:lnTo>
                          <a:pt x="1030" y="199"/>
                        </a:lnTo>
                        <a:lnTo>
                          <a:pt x="1084" y="184"/>
                        </a:lnTo>
                        <a:lnTo>
                          <a:pt x="1138" y="176"/>
                        </a:lnTo>
                        <a:lnTo>
                          <a:pt x="1184" y="161"/>
                        </a:lnTo>
                        <a:lnTo>
                          <a:pt x="1238" y="123"/>
                        </a:lnTo>
                        <a:lnTo>
                          <a:pt x="1292" y="53"/>
                        </a:lnTo>
                        <a:lnTo>
                          <a:pt x="1338" y="7"/>
                        </a:lnTo>
                        <a:lnTo>
                          <a:pt x="1392" y="0"/>
                        </a:lnTo>
                        <a:lnTo>
                          <a:pt x="1445" y="7"/>
                        </a:lnTo>
                        <a:lnTo>
                          <a:pt x="1499" y="23"/>
                        </a:lnTo>
                        <a:lnTo>
                          <a:pt x="1545" y="53"/>
                        </a:lnTo>
                        <a:lnTo>
                          <a:pt x="1599" y="115"/>
                        </a:lnTo>
                        <a:lnTo>
                          <a:pt x="1653" y="238"/>
                        </a:lnTo>
                      </a:path>
                    </a:pathLst>
                  </a:custGeom>
                  <a:noFill/>
                  <a:ln w="0">
                    <a:solidFill>
                      <a:schemeClr val="tx1"/>
                    </a:solidFill>
                    <a:prstDash val="solid"/>
                    <a:round/>
                    <a:headEnd/>
                    <a:tailEnd/>
                  </a:ln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250" name="Freeform 848"/>
                  <p:cNvSpPr>
                    <a:spLocks/>
                  </p:cNvSpPr>
                  <p:nvPr/>
                </p:nvSpPr>
                <p:spPr bwMode="auto">
                  <a:xfrm>
                    <a:off x="2028825" y="2849563"/>
                    <a:ext cx="2868613" cy="536575"/>
                  </a:xfrm>
                  <a:custGeom>
                    <a:avLst/>
                    <a:gdLst/>
                    <a:ahLst/>
                    <a:cxnLst>
                      <a:cxn ang="0">
                        <a:pos x="0" y="285"/>
                      </a:cxn>
                      <a:cxn ang="0">
                        <a:pos x="46" y="285"/>
                      </a:cxn>
                      <a:cxn ang="0">
                        <a:pos x="100" y="285"/>
                      </a:cxn>
                      <a:cxn ang="0">
                        <a:pos x="154" y="285"/>
                      </a:cxn>
                      <a:cxn ang="0">
                        <a:pos x="200" y="285"/>
                      </a:cxn>
                      <a:cxn ang="0">
                        <a:pos x="254" y="285"/>
                      </a:cxn>
                      <a:cxn ang="0">
                        <a:pos x="308" y="285"/>
                      </a:cxn>
                      <a:cxn ang="0">
                        <a:pos x="362" y="277"/>
                      </a:cxn>
                      <a:cxn ang="0">
                        <a:pos x="408" y="277"/>
                      </a:cxn>
                      <a:cxn ang="0">
                        <a:pos x="461" y="277"/>
                      </a:cxn>
                      <a:cxn ang="0">
                        <a:pos x="515" y="269"/>
                      </a:cxn>
                      <a:cxn ang="0">
                        <a:pos x="569" y="269"/>
                      </a:cxn>
                      <a:cxn ang="0">
                        <a:pos x="615" y="262"/>
                      </a:cxn>
                      <a:cxn ang="0">
                        <a:pos x="669" y="254"/>
                      </a:cxn>
                      <a:cxn ang="0">
                        <a:pos x="723" y="254"/>
                      </a:cxn>
                      <a:cxn ang="0">
                        <a:pos x="769" y="246"/>
                      </a:cxn>
                      <a:cxn ang="0">
                        <a:pos x="823" y="238"/>
                      </a:cxn>
                      <a:cxn ang="0">
                        <a:pos x="877" y="231"/>
                      </a:cxn>
                      <a:cxn ang="0">
                        <a:pos x="930" y="215"/>
                      </a:cxn>
                      <a:cxn ang="0">
                        <a:pos x="977" y="208"/>
                      </a:cxn>
                      <a:cxn ang="0">
                        <a:pos x="1030" y="200"/>
                      </a:cxn>
                      <a:cxn ang="0">
                        <a:pos x="1084" y="185"/>
                      </a:cxn>
                      <a:cxn ang="0">
                        <a:pos x="1138" y="177"/>
                      </a:cxn>
                      <a:cxn ang="0">
                        <a:pos x="1184" y="169"/>
                      </a:cxn>
                      <a:cxn ang="0">
                        <a:pos x="1238" y="162"/>
                      </a:cxn>
                      <a:cxn ang="0">
                        <a:pos x="1292" y="146"/>
                      </a:cxn>
                      <a:cxn ang="0">
                        <a:pos x="1338" y="139"/>
                      </a:cxn>
                      <a:cxn ang="0">
                        <a:pos x="1392" y="100"/>
                      </a:cxn>
                      <a:cxn ang="0">
                        <a:pos x="1445" y="39"/>
                      </a:cxn>
                      <a:cxn ang="0">
                        <a:pos x="1499" y="0"/>
                      </a:cxn>
                      <a:cxn ang="0">
                        <a:pos x="1545" y="8"/>
                      </a:cxn>
                      <a:cxn ang="0">
                        <a:pos x="1599" y="31"/>
                      </a:cxn>
                      <a:cxn ang="0">
                        <a:pos x="1653" y="62"/>
                      </a:cxn>
                      <a:cxn ang="0">
                        <a:pos x="1707" y="115"/>
                      </a:cxn>
                      <a:cxn ang="0">
                        <a:pos x="1753" y="192"/>
                      </a:cxn>
                      <a:cxn ang="0">
                        <a:pos x="1807" y="338"/>
                      </a:cxn>
                    </a:cxnLst>
                    <a:rect l="0" t="0" r="r" b="b"/>
                    <a:pathLst>
                      <a:path w="1807" h="338">
                        <a:moveTo>
                          <a:pt x="0" y="285"/>
                        </a:moveTo>
                        <a:lnTo>
                          <a:pt x="46" y="285"/>
                        </a:lnTo>
                        <a:lnTo>
                          <a:pt x="100" y="285"/>
                        </a:lnTo>
                        <a:lnTo>
                          <a:pt x="154" y="285"/>
                        </a:lnTo>
                        <a:lnTo>
                          <a:pt x="200" y="285"/>
                        </a:lnTo>
                        <a:lnTo>
                          <a:pt x="254" y="285"/>
                        </a:lnTo>
                        <a:lnTo>
                          <a:pt x="308" y="285"/>
                        </a:lnTo>
                        <a:lnTo>
                          <a:pt x="362" y="277"/>
                        </a:lnTo>
                        <a:lnTo>
                          <a:pt x="408" y="277"/>
                        </a:lnTo>
                        <a:lnTo>
                          <a:pt x="461" y="277"/>
                        </a:lnTo>
                        <a:lnTo>
                          <a:pt x="515" y="269"/>
                        </a:lnTo>
                        <a:lnTo>
                          <a:pt x="569" y="269"/>
                        </a:lnTo>
                        <a:lnTo>
                          <a:pt x="615" y="262"/>
                        </a:lnTo>
                        <a:lnTo>
                          <a:pt x="669" y="254"/>
                        </a:lnTo>
                        <a:lnTo>
                          <a:pt x="723" y="254"/>
                        </a:lnTo>
                        <a:lnTo>
                          <a:pt x="769" y="246"/>
                        </a:lnTo>
                        <a:lnTo>
                          <a:pt x="823" y="238"/>
                        </a:lnTo>
                        <a:lnTo>
                          <a:pt x="877" y="231"/>
                        </a:lnTo>
                        <a:lnTo>
                          <a:pt x="930" y="215"/>
                        </a:lnTo>
                        <a:lnTo>
                          <a:pt x="977" y="208"/>
                        </a:lnTo>
                        <a:lnTo>
                          <a:pt x="1030" y="200"/>
                        </a:lnTo>
                        <a:lnTo>
                          <a:pt x="1084" y="185"/>
                        </a:lnTo>
                        <a:lnTo>
                          <a:pt x="1138" y="177"/>
                        </a:lnTo>
                        <a:lnTo>
                          <a:pt x="1184" y="169"/>
                        </a:lnTo>
                        <a:lnTo>
                          <a:pt x="1238" y="162"/>
                        </a:lnTo>
                        <a:lnTo>
                          <a:pt x="1292" y="146"/>
                        </a:lnTo>
                        <a:lnTo>
                          <a:pt x="1338" y="139"/>
                        </a:lnTo>
                        <a:lnTo>
                          <a:pt x="1392" y="100"/>
                        </a:lnTo>
                        <a:lnTo>
                          <a:pt x="1445" y="39"/>
                        </a:lnTo>
                        <a:lnTo>
                          <a:pt x="1499" y="0"/>
                        </a:lnTo>
                        <a:lnTo>
                          <a:pt x="1545" y="8"/>
                        </a:lnTo>
                        <a:lnTo>
                          <a:pt x="1599" y="31"/>
                        </a:lnTo>
                        <a:lnTo>
                          <a:pt x="1653" y="62"/>
                        </a:lnTo>
                        <a:lnTo>
                          <a:pt x="1707" y="115"/>
                        </a:lnTo>
                        <a:lnTo>
                          <a:pt x="1753" y="192"/>
                        </a:lnTo>
                        <a:lnTo>
                          <a:pt x="1807" y="338"/>
                        </a:lnTo>
                      </a:path>
                    </a:pathLst>
                  </a:custGeom>
                  <a:noFill/>
                  <a:ln w="0">
                    <a:solidFill>
                      <a:schemeClr val="tx1"/>
                    </a:solidFill>
                    <a:prstDash val="solid"/>
                    <a:round/>
                    <a:headEnd/>
                    <a:tailEnd/>
                  </a:ln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251" name="Freeform 849"/>
                  <p:cNvSpPr>
                    <a:spLocks/>
                  </p:cNvSpPr>
                  <p:nvPr/>
                </p:nvSpPr>
                <p:spPr bwMode="auto">
                  <a:xfrm>
                    <a:off x="2028825" y="3057525"/>
                    <a:ext cx="3113088" cy="635000"/>
                  </a:xfrm>
                  <a:custGeom>
                    <a:avLst/>
                    <a:gdLst/>
                    <a:ahLst/>
                    <a:cxnLst>
                      <a:cxn ang="0">
                        <a:pos x="0" y="269"/>
                      </a:cxn>
                      <a:cxn ang="0">
                        <a:pos x="46" y="269"/>
                      </a:cxn>
                      <a:cxn ang="0">
                        <a:pos x="100" y="269"/>
                      </a:cxn>
                      <a:cxn ang="0">
                        <a:pos x="154" y="269"/>
                      </a:cxn>
                      <a:cxn ang="0">
                        <a:pos x="200" y="269"/>
                      </a:cxn>
                      <a:cxn ang="0">
                        <a:pos x="254" y="261"/>
                      </a:cxn>
                      <a:cxn ang="0">
                        <a:pos x="308" y="261"/>
                      </a:cxn>
                      <a:cxn ang="0">
                        <a:pos x="362" y="261"/>
                      </a:cxn>
                      <a:cxn ang="0">
                        <a:pos x="408" y="261"/>
                      </a:cxn>
                      <a:cxn ang="0">
                        <a:pos x="461" y="254"/>
                      </a:cxn>
                      <a:cxn ang="0">
                        <a:pos x="515" y="254"/>
                      </a:cxn>
                      <a:cxn ang="0">
                        <a:pos x="569" y="246"/>
                      </a:cxn>
                      <a:cxn ang="0">
                        <a:pos x="615" y="246"/>
                      </a:cxn>
                      <a:cxn ang="0">
                        <a:pos x="669" y="238"/>
                      </a:cxn>
                      <a:cxn ang="0">
                        <a:pos x="723" y="230"/>
                      </a:cxn>
                      <a:cxn ang="0">
                        <a:pos x="769" y="223"/>
                      </a:cxn>
                      <a:cxn ang="0">
                        <a:pos x="823" y="215"/>
                      </a:cxn>
                      <a:cxn ang="0">
                        <a:pos x="877" y="207"/>
                      </a:cxn>
                      <a:cxn ang="0">
                        <a:pos x="930" y="200"/>
                      </a:cxn>
                      <a:cxn ang="0">
                        <a:pos x="977" y="184"/>
                      </a:cxn>
                      <a:cxn ang="0">
                        <a:pos x="1030" y="177"/>
                      </a:cxn>
                      <a:cxn ang="0">
                        <a:pos x="1084" y="169"/>
                      </a:cxn>
                      <a:cxn ang="0">
                        <a:pos x="1138" y="154"/>
                      </a:cxn>
                      <a:cxn ang="0">
                        <a:pos x="1184" y="146"/>
                      </a:cxn>
                      <a:cxn ang="0">
                        <a:pos x="1238" y="138"/>
                      </a:cxn>
                      <a:cxn ang="0">
                        <a:pos x="1292" y="131"/>
                      </a:cxn>
                      <a:cxn ang="0">
                        <a:pos x="1338" y="123"/>
                      </a:cxn>
                      <a:cxn ang="0">
                        <a:pos x="1392" y="115"/>
                      </a:cxn>
                      <a:cxn ang="0">
                        <a:pos x="1445" y="107"/>
                      </a:cxn>
                      <a:cxn ang="0">
                        <a:pos x="1499" y="100"/>
                      </a:cxn>
                      <a:cxn ang="0">
                        <a:pos x="1545" y="69"/>
                      </a:cxn>
                      <a:cxn ang="0">
                        <a:pos x="1599" y="15"/>
                      </a:cxn>
                      <a:cxn ang="0">
                        <a:pos x="1653" y="0"/>
                      </a:cxn>
                      <a:cxn ang="0">
                        <a:pos x="1707" y="15"/>
                      </a:cxn>
                      <a:cxn ang="0">
                        <a:pos x="1753" y="54"/>
                      </a:cxn>
                      <a:cxn ang="0">
                        <a:pos x="1807" y="100"/>
                      </a:cxn>
                      <a:cxn ang="0">
                        <a:pos x="1861" y="154"/>
                      </a:cxn>
                      <a:cxn ang="0">
                        <a:pos x="1914" y="238"/>
                      </a:cxn>
                      <a:cxn ang="0">
                        <a:pos x="1961" y="400"/>
                      </a:cxn>
                    </a:cxnLst>
                    <a:rect l="0" t="0" r="r" b="b"/>
                    <a:pathLst>
                      <a:path w="1961" h="400">
                        <a:moveTo>
                          <a:pt x="0" y="269"/>
                        </a:moveTo>
                        <a:lnTo>
                          <a:pt x="46" y="269"/>
                        </a:lnTo>
                        <a:lnTo>
                          <a:pt x="100" y="269"/>
                        </a:lnTo>
                        <a:lnTo>
                          <a:pt x="154" y="269"/>
                        </a:lnTo>
                        <a:lnTo>
                          <a:pt x="200" y="269"/>
                        </a:lnTo>
                        <a:lnTo>
                          <a:pt x="254" y="261"/>
                        </a:lnTo>
                        <a:lnTo>
                          <a:pt x="308" y="261"/>
                        </a:lnTo>
                        <a:lnTo>
                          <a:pt x="362" y="261"/>
                        </a:lnTo>
                        <a:lnTo>
                          <a:pt x="408" y="261"/>
                        </a:lnTo>
                        <a:lnTo>
                          <a:pt x="461" y="254"/>
                        </a:lnTo>
                        <a:lnTo>
                          <a:pt x="515" y="254"/>
                        </a:lnTo>
                        <a:lnTo>
                          <a:pt x="569" y="246"/>
                        </a:lnTo>
                        <a:lnTo>
                          <a:pt x="615" y="246"/>
                        </a:lnTo>
                        <a:lnTo>
                          <a:pt x="669" y="238"/>
                        </a:lnTo>
                        <a:lnTo>
                          <a:pt x="723" y="230"/>
                        </a:lnTo>
                        <a:lnTo>
                          <a:pt x="769" y="223"/>
                        </a:lnTo>
                        <a:lnTo>
                          <a:pt x="823" y="215"/>
                        </a:lnTo>
                        <a:lnTo>
                          <a:pt x="877" y="207"/>
                        </a:lnTo>
                        <a:lnTo>
                          <a:pt x="930" y="200"/>
                        </a:lnTo>
                        <a:lnTo>
                          <a:pt x="977" y="184"/>
                        </a:lnTo>
                        <a:lnTo>
                          <a:pt x="1030" y="177"/>
                        </a:lnTo>
                        <a:lnTo>
                          <a:pt x="1084" y="169"/>
                        </a:lnTo>
                        <a:lnTo>
                          <a:pt x="1138" y="154"/>
                        </a:lnTo>
                        <a:lnTo>
                          <a:pt x="1184" y="146"/>
                        </a:lnTo>
                        <a:lnTo>
                          <a:pt x="1238" y="138"/>
                        </a:lnTo>
                        <a:lnTo>
                          <a:pt x="1292" y="131"/>
                        </a:lnTo>
                        <a:lnTo>
                          <a:pt x="1338" y="123"/>
                        </a:lnTo>
                        <a:lnTo>
                          <a:pt x="1392" y="115"/>
                        </a:lnTo>
                        <a:lnTo>
                          <a:pt x="1445" y="107"/>
                        </a:lnTo>
                        <a:lnTo>
                          <a:pt x="1499" y="100"/>
                        </a:lnTo>
                        <a:lnTo>
                          <a:pt x="1545" y="69"/>
                        </a:lnTo>
                        <a:lnTo>
                          <a:pt x="1599" y="15"/>
                        </a:lnTo>
                        <a:lnTo>
                          <a:pt x="1653" y="0"/>
                        </a:lnTo>
                        <a:lnTo>
                          <a:pt x="1707" y="15"/>
                        </a:lnTo>
                        <a:lnTo>
                          <a:pt x="1753" y="54"/>
                        </a:lnTo>
                        <a:lnTo>
                          <a:pt x="1807" y="100"/>
                        </a:lnTo>
                        <a:lnTo>
                          <a:pt x="1861" y="154"/>
                        </a:lnTo>
                        <a:lnTo>
                          <a:pt x="1914" y="238"/>
                        </a:lnTo>
                        <a:lnTo>
                          <a:pt x="1961" y="400"/>
                        </a:lnTo>
                      </a:path>
                    </a:pathLst>
                  </a:custGeom>
                  <a:noFill/>
                  <a:ln w="0">
                    <a:solidFill>
                      <a:schemeClr val="tx1"/>
                    </a:solidFill>
                    <a:prstDash val="solid"/>
                    <a:round/>
                    <a:headEnd/>
                    <a:tailEnd/>
                  </a:ln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252" name="Freeform 850"/>
                  <p:cNvSpPr>
                    <a:spLocks/>
                  </p:cNvSpPr>
                  <p:nvPr/>
                </p:nvSpPr>
                <p:spPr bwMode="auto">
                  <a:xfrm>
                    <a:off x="2028825" y="3289300"/>
                    <a:ext cx="3355975" cy="646113"/>
                  </a:xfrm>
                  <a:custGeom>
                    <a:avLst/>
                    <a:gdLst/>
                    <a:ahLst/>
                    <a:cxnLst>
                      <a:cxn ang="0">
                        <a:pos x="0" y="238"/>
                      </a:cxn>
                      <a:cxn ang="0">
                        <a:pos x="46" y="238"/>
                      </a:cxn>
                      <a:cxn ang="0">
                        <a:pos x="100" y="238"/>
                      </a:cxn>
                      <a:cxn ang="0">
                        <a:pos x="154" y="231"/>
                      </a:cxn>
                      <a:cxn ang="0">
                        <a:pos x="200" y="231"/>
                      </a:cxn>
                      <a:cxn ang="0">
                        <a:pos x="254" y="231"/>
                      </a:cxn>
                      <a:cxn ang="0">
                        <a:pos x="308" y="231"/>
                      </a:cxn>
                      <a:cxn ang="0">
                        <a:pos x="362" y="231"/>
                      </a:cxn>
                      <a:cxn ang="0">
                        <a:pos x="408" y="223"/>
                      </a:cxn>
                      <a:cxn ang="0">
                        <a:pos x="461" y="223"/>
                      </a:cxn>
                      <a:cxn ang="0">
                        <a:pos x="515" y="215"/>
                      </a:cxn>
                      <a:cxn ang="0">
                        <a:pos x="569" y="215"/>
                      </a:cxn>
                      <a:cxn ang="0">
                        <a:pos x="615" y="207"/>
                      </a:cxn>
                      <a:cxn ang="0">
                        <a:pos x="669" y="200"/>
                      </a:cxn>
                      <a:cxn ang="0">
                        <a:pos x="723" y="200"/>
                      </a:cxn>
                      <a:cxn ang="0">
                        <a:pos x="769" y="192"/>
                      </a:cxn>
                      <a:cxn ang="0">
                        <a:pos x="823" y="184"/>
                      </a:cxn>
                      <a:cxn ang="0">
                        <a:pos x="877" y="169"/>
                      </a:cxn>
                      <a:cxn ang="0">
                        <a:pos x="930" y="161"/>
                      </a:cxn>
                      <a:cxn ang="0">
                        <a:pos x="977" y="154"/>
                      </a:cxn>
                      <a:cxn ang="0">
                        <a:pos x="1030" y="146"/>
                      </a:cxn>
                      <a:cxn ang="0">
                        <a:pos x="1084" y="131"/>
                      </a:cxn>
                      <a:cxn ang="0">
                        <a:pos x="1138" y="123"/>
                      </a:cxn>
                      <a:cxn ang="0">
                        <a:pos x="1184" y="108"/>
                      </a:cxn>
                      <a:cxn ang="0">
                        <a:pos x="1238" y="100"/>
                      </a:cxn>
                      <a:cxn ang="0">
                        <a:pos x="1292" y="92"/>
                      </a:cxn>
                      <a:cxn ang="0">
                        <a:pos x="1338" y="84"/>
                      </a:cxn>
                      <a:cxn ang="0">
                        <a:pos x="1392" y="77"/>
                      </a:cxn>
                      <a:cxn ang="0">
                        <a:pos x="1445" y="69"/>
                      </a:cxn>
                      <a:cxn ang="0">
                        <a:pos x="1499" y="69"/>
                      </a:cxn>
                      <a:cxn ang="0">
                        <a:pos x="1545" y="69"/>
                      </a:cxn>
                      <a:cxn ang="0">
                        <a:pos x="1599" y="77"/>
                      </a:cxn>
                      <a:cxn ang="0">
                        <a:pos x="1653" y="77"/>
                      </a:cxn>
                      <a:cxn ang="0">
                        <a:pos x="1707" y="46"/>
                      </a:cxn>
                      <a:cxn ang="0">
                        <a:pos x="1753" y="8"/>
                      </a:cxn>
                      <a:cxn ang="0">
                        <a:pos x="1807" y="0"/>
                      </a:cxn>
                      <a:cxn ang="0">
                        <a:pos x="1861" y="31"/>
                      </a:cxn>
                      <a:cxn ang="0">
                        <a:pos x="1914" y="69"/>
                      </a:cxn>
                      <a:cxn ang="0">
                        <a:pos x="1961" y="115"/>
                      </a:cxn>
                      <a:cxn ang="0">
                        <a:pos x="2014" y="169"/>
                      </a:cxn>
                      <a:cxn ang="0">
                        <a:pos x="2068" y="246"/>
                      </a:cxn>
                      <a:cxn ang="0">
                        <a:pos x="2114" y="407"/>
                      </a:cxn>
                    </a:cxnLst>
                    <a:rect l="0" t="0" r="r" b="b"/>
                    <a:pathLst>
                      <a:path w="2114" h="407">
                        <a:moveTo>
                          <a:pt x="0" y="238"/>
                        </a:moveTo>
                        <a:lnTo>
                          <a:pt x="46" y="238"/>
                        </a:lnTo>
                        <a:lnTo>
                          <a:pt x="100" y="238"/>
                        </a:lnTo>
                        <a:lnTo>
                          <a:pt x="154" y="231"/>
                        </a:lnTo>
                        <a:lnTo>
                          <a:pt x="200" y="231"/>
                        </a:lnTo>
                        <a:lnTo>
                          <a:pt x="254" y="231"/>
                        </a:lnTo>
                        <a:lnTo>
                          <a:pt x="308" y="231"/>
                        </a:lnTo>
                        <a:lnTo>
                          <a:pt x="362" y="231"/>
                        </a:lnTo>
                        <a:lnTo>
                          <a:pt x="408" y="223"/>
                        </a:lnTo>
                        <a:lnTo>
                          <a:pt x="461" y="223"/>
                        </a:lnTo>
                        <a:lnTo>
                          <a:pt x="515" y="215"/>
                        </a:lnTo>
                        <a:lnTo>
                          <a:pt x="569" y="215"/>
                        </a:lnTo>
                        <a:lnTo>
                          <a:pt x="615" y="207"/>
                        </a:lnTo>
                        <a:lnTo>
                          <a:pt x="669" y="200"/>
                        </a:lnTo>
                        <a:lnTo>
                          <a:pt x="723" y="200"/>
                        </a:lnTo>
                        <a:lnTo>
                          <a:pt x="769" y="192"/>
                        </a:lnTo>
                        <a:lnTo>
                          <a:pt x="823" y="184"/>
                        </a:lnTo>
                        <a:lnTo>
                          <a:pt x="877" y="169"/>
                        </a:lnTo>
                        <a:lnTo>
                          <a:pt x="930" y="161"/>
                        </a:lnTo>
                        <a:lnTo>
                          <a:pt x="977" y="154"/>
                        </a:lnTo>
                        <a:lnTo>
                          <a:pt x="1030" y="146"/>
                        </a:lnTo>
                        <a:lnTo>
                          <a:pt x="1084" y="131"/>
                        </a:lnTo>
                        <a:lnTo>
                          <a:pt x="1138" y="123"/>
                        </a:lnTo>
                        <a:lnTo>
                          <a:pt x="1184" y="108"/>
                        </a:lnTo>
                        <a:lnTo>
                          <a:pt x="1238" y="100"/>
                        </a:lnTo>
                        <a:lnTo>
                          <a:pt x="1292" y="92"/>
                        </a:lnTo>
                        <a:lnTo>
                          <a:pt x="1338" y="84"/>
                        </a:lnTo>
                        <a:lnTo>
                          <a:pt x="1392" y="77"/>
                        </a:lnTo>
                        <a:lnTo>
                          <a:pt x="1445" y="69"/>
                        </a:lnTo>
                        <a:lnTo>
                          <a:pt x="1499" y="69"/>
                        </a:lnTo>
                        <a:lnTo>
                          <a:pt x="1545" y="69"/>
                        </a:lnTo>
                        <a:lnTo>
                          <a:pt x="1599" y="77"/>
                        </a:lnTo>
                        <a:lnTo>
                          <a:pt x="1653" y="77"/>
                        </a:lnTo>
                        <a:lnTo>
                          <a:pt x="1707" y="46"/>
                        </a:lnTo>
                        <a:lnTo>
                          <a:pt x="1753" y="8"/>
                        </a:lnTo>
                        <a:lnTo>
                          <a:pt x="1807" y="0"/>
                        </a:lnTo>
                        <a:lnTo>
                          <a:pt x="1861" y="31"/>
                        </a:lnTo>
                        <a:lnTo>
                          <a:pt x="1914" y="69"/>
                        </a:lnTo>
                        <a:lnTo>
                          <a:pt x="1961" y="115"/>
                        </a:lnTo>
                        <a:lnTo>
                          <a:pt x="2014" y="169"/>
                        </a:lnTo>
                        <a:lnTo>
                          <a:pt x="2068" y="246"/>
                        </a:lnTo>
                        <a:lnTo>
                          <a:pt x="2114" y="407"/>
                        </a:lnTo>
                      </a:path>
                    </a:pathLst>
                  </a:custGeom>
                  <a:noFill/>
                  <a:ln w="0">
                    <a:solidFill>
                      <a:schemeClr val="tx1"/>
                    </a:solidFill>
                    <a:prstDash val="solid"/>
                    <a:round/>
                    <a:headEnd/>
                    <a:tailEnd/>
                  </a:ln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253" name="Freeform 851"/>
                  <p:cNvSpPr>
                    <a:spLocks/>
                  </p:cNvSpPr>
                  <p:nvPr/>
                </p:nvSpPr>
                <p:spPr bwMode="auto">
                  <a:xfrm>
                    <a:off x="2028825" y="3544888"/>
                    <a:ext cx="3613150" cy="598488"/>
                  </a:xfrm>
                  <a:custGeom>
                    <a:avLst/>
                    <a:gdLst/>
                    <a:ahLst/>
                    <a:cxnLst>
                      <a:cxn ang="0">
                        <a:pos x="0" y="193"/>
                      </a:cxn>
                      <a:cxn ang="0">
                        <a:pos x="46" y="185"/>
                      </a:cxn>
                      <a:cxn ang="0">
                        <a:pos x="100" y="185"/>
                      </a:cxn>
                      <a:cxn ang="0">
                        <a:pos x="154" y="185"/>
                      </a:cxn>
                      <a:cxn ang="0">
                        <a:pos x="200" y="185"/>
                      </a:cxn>
                      <a:cxn ang="0">
                        <a:pos x="254" y="185"/>
                      </a:cxn>
                      <a:cxn ang="0">
                        <a:pos x="308" y="185"/>
                      </a:cxn>
                      <a:cxn ang="0">
                        <a:pos x="362" y="177"/>
                      </a:cxn>
                      <a:cxn ang="0">
                        <a:pos x="408" y="177"/>
                      </a:cxn>
                      <a:cxn ang="0">
                        <a:pos x="461" y="177"/>
                      </a:cxn>
                      <a:cxn ang="0">
                        <a:pos x="515" y="169"/>
                      </a:cxn>
                      <a:cxn ang="0">
                        <a:pos x="569" y="169"/>
                      </a:cxn>
                      <a:cxn ang="0">
                        <a:pos x="615" y="162"/>
                      </a:cxn>
                      <a:cxn ang="0">
                        <a:pos x="669" y="154"/>
                      </a:cxn>
                      <a:cxn ang="0">
                        <a:pos x="723" y="146"/>
                      </a:cxn>
                      <a:cxn ang="0">
                        <a:pos x="769" y="139"/>
                      </a:cxn>
                      <a:cxn ang="0">
                        <a:pos x="823" y="131"/>
                      </a:cxn>
                      <a:cxn ang="0">
                        <a:pos x="877" y="123"/>
                      </a:cxn>
                      <a:cxn ang="0">
                        <a:pos x="930" y="116"/>
                      </a:cxn>
                      <a:cxn ang="0">
                        <a:pos x="977" y="108"/>
                      </a:cxn>
                      <a:cxn ang="0">
                        <a:pos x="1030" y="93"/>
                      </a:cxn>
                      <a:cxn ang="0">
                        <a:pos x="1084" y="85"/>
                      </a:cxn>
                      <a:cxn ang="0">
                        <a:pos x="1138" y="70"/>
                      </a:cxn>
                      <a:cxn ang="0">
                        <a:pos x="1184" y="62"/>
                      </a:cxn>
                      <a:cxn ang="0">
                        <a:pos x="1238" y="46"/>
                      </a:cxn>
                      <a:cxn ang="0">
                        <a:pos x="1292" y="39"/>
                      </a:cxn>
                      <a:cxn ang="0">
                        <a:pos x="1338" y="31"/>
                      </a:cxn>
                      <a:cxn ang="0">
                        <a:pos x="1392" y="23"/>
                      </a:cxn>
                      <a:cxn ang="0">
                        <a:pos x="1445" y="23"/>
                      </a:cxn>
                      <a:cxn ang="0">
                        <a:pos x="1499" y="16"/>
                      </a:cxn>
                      <a:cxn ang="0">
                        <a:pos x="1545" y="16"/>
                      </a:cxn>
                      <a:cxn ang="0">
                        <a:pos x="1599" y="23"/>
                      </a:cxn>
                      <a:cxn ang="0">
                        <a:pos x="1653" y="31"/>
                      </a:cxn>
                      <a:cxn ang="0">
                        <a:pos x="1707" y="39"/>
                      </a:cxn>
                      <a:cxn ang="0">
                        <a:pos x="1753" y="54"/>
                      </a:cxn>
                      <a:cxn ang="0">
                        <a:pos x="1807" y="54"/>
                      </a:cxn>
                      <a:cxn ang="0">
                        <a:pos x="1861" y="39"/>
                      </a:cxn>
                      <a:cxn ang="0">
                        <a:pos x="1914" y="0"/>
                      </a:cxn>
                      <a:cxn ang="0">
                        <a:pos x="1961" y="0"/>
                      </a:cxn>
                      <a:cxn ang="0">
                        <a:pos x="2014" y="23"/>
                      </a:cxn>
                      <a:cxn ang="0">
                        <a:pos x="2068" y="62"/>
                      </a:cxn>
                      <a:cxn ang="0">
                        <a:pos x="2114" y="108"/>
                      </a:cxn>
                      <a:cxn ang="0">
                        <a:pos x="2168" y="154"/>
                      </a:cxn>
                      <a:cxn ang="0">
                        <a:pos x="2222" y="223"/>
                      </a:cxn>
                      <a:cxn ang="0">
                        <a:pos x="2276" y="377"/>
                      </a:cxn>
                    </a:cxnLst>
                    <a:rect l="0" t="0" r="r" b="b"/>
                    <a:pathLst>
                      <a:path w="2276" h="377">
                        <a:moveTo>
                          <a:pt x="0" y="193"/>
                        </a:moveTo>
                        <a:lnTo>
                          <a:pt x="46" y="185"/>
                        </a:lnTo>
                        <a:lnTo>
                          <a:pt x="100" y="185"/>
                        </a:lnTo>
                        <a:lnTo>
                          <a:pt x="154" y="185"/>
                        </a:lnTo>
                        <a:lnTo>
                          <a:pt x="200" y="185"/>
                        </a:lnTo>
                        <a:lnTo>
                          <a:pt x="254" y="185"/>
                        </a:lnTo>
                        <a:lnTo>
                          <a:pt x="308" y="185"/>
                        </a:lnTo>
                        <a:lnTo>
                          <a:pt x="362" y="177"/>
                        </a:lnTo>
                        <a:lnTo>
                          <a:pt x="408" y="177"/>
                        </a:lnTo>
                        <a:lnTo>
                          <a:pt x="461" y="177"/>
                        </a:lnTo>
                        <a:lnTo>
                          <a:pt x="515" y="169"/>
                        </a:lnTo>
                        <a:lnTo>
                          <a:pt x="569" y="169"/>
                        </a:lnTo>
                        <a:lnTo>
                          <a:pt x="615" y="162"/>
                        </a:lnTo>
                        <a:lnTo>
                          <a:pt x="669" y="154"/>
                        </a:lnTo>
                        <a:lnTo>
                          <a:pt x="723" y="146"/>
                        </a:lnTo>
                        <a:lnTo>
                          <a:pt x="769" y="139"/>
                        </a:lnTo>
                        <a:lnTo>
                          <a:pt x="823" y="131"/>
                        </a:lnTo>
                        <a:lnTo>
                          <a:pt x="877" y="123"/>
                        </a:lnTo>
                        <a:lnTo>
                          <a:pt x="930" y="116"/>
                        </a:lnTo>
                        <a:lnTo>
                          <a:pt x="977" y="108"/>
                        </a:lnTo>
                        <a:lnTo>
                          <a:pt x="1030" y="93"/>
                        </a:lnTo>
                        <a:lnTo>
                          <a:pt x="1084" y="85"/>
                        </a:lnTo>
                        <a:lnTo>
                          <a:pt x="1138" y="70"/>
                        </a:lnTo>
                        <a:lnTo>
                          <a:pt x="1184" y="62"/>
                        </a:lnTo>
                        <a:lnTo>
                          <a:pt x="1238" y="46"/>
                        </a:lnTo>
                        <a:lnTo>
                          <a:pt x="1292" y="39"/>
                        </a:lnTo>
                        <a:lnTo>
                          <a:pt x="1338" y="31"/>
                        </a:lnTo>
                        <a:lnTo>
                          <a:pt x="1392" y="23"/>
                        </a:lnTo>
                        <a:lnTo>
                          <a:pt x="1445" y="23"/>
                        </a:lnTo>
                        <a:lnTo>
                          <a:pt x="1499" y="16"/>
                        </a:lnTo>
                        <a:lnTo>
                          <a:pt x="1545" y="16"/>
                        </a:lnTo>
                        <a:lnTo>
                          <a:pt x="1599" y="23"/>
                        </a:lnTo>
                        <a:lnTo>
                          <a:pt x="1653" y="31"/>
                        </a:lnTo>
                        <a:lnTo>
                          <a:pt x="1707" y="39"/>
                        </a:lnTo>
                        <a:lnTo>
                          <a:pt x="1753" y="54"/>
                        </a:lnTo>
                        <a:lnTo>
                          <a:pt x="1807" y="54"/>
                        </a:lnTo>
                        <a:lnTo>
                          <a:pt x="1861" y="39"/>
                        </a:lnTo>
                        <a:lnTo>
                          <a:pt x="1914" y="0"/>
                        </a:lnTo>
                        <a:lnTo>
                          <a:pt x="1961" y="0"/>
                        </a:lnTo>
                        <a:lnTo>
                          <a:pt x="2014" y="23"/>
                        </a:lnTo>
                        <a:lnTo>
                          <a:pt x="2068" y="62"/>
                        </a:lnTo>
                        <a:lnTo>
                          <a:pt x="2114" y="108"/>
                        </a:lnTo>
                        <a:lnTo>
                          <a:pt x="2168" y="154"/>
                        </a:lnTo>
                        <a:lnTo>
                          <a:pt x="2222" y="223"/>
                        </a:lnTo>
                        <a:lnTo>
                          <a:pt x="2276" y="377"/>
                        </a:lnTo>
                      </a:path>
                    </a:pathLst>
                  </a:custGeom>
                  <a:noFill/>
                  <a:ln w="0">
                    <a:solidFill>
                      <a:schemeClr val="tx1"/>
                    </a:solidFill>
                    <a:prstDash val="solid"/>
                    <a:round/>
                    <a:headEnd/>
                    <a:tailEnd/>
                  </a:ln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254" name="Freeform 852"/>
                  <p:cNvSpPr>
                    <a:spLocks/>
                  </p:cNvSpPr>
                  <p:nvPr/>
                </p:nvSpPr>
                <p:spPr bwMode="auto">
                  <a:xfrm>
                    <a:off x="2028825" y="3740150"/>
                    <a:ext cx="3856038" cy="574675"/>
                  </a:xfrm>
                  <a:custGeom>
                    <a:avLst/>
                    <a:gdLst/>
                    <a:ahLst/>
                    <a:cxnLst>
                      <a:cxn ang="0">
                        <a:pos x="0" y="177"/>
                      </a:cxn>
                      <a:cxn ang="0">
                        <a:pos x="46" y="177"/>
                      </a:cxn>
                      <a:cxn ang="0">
                        <a:pos x="100" y="177"/>
                      </a:cxn>
                      <a:cxn ang="0">
                        <a:pos x="154" y="177"/>
                      </a:cxn>
                      <a:cxn ang="0">
                        <a:pos x="200" y="177"/>
                      </a:cxn>
                      <a:cxn ang="0">
                        <a:pos x="254" y="177"/>
                      </a:cxn>
                      <a:cxn ang="0">
                        <a:pos x="308" y="169"/>
                      </a:cxn>
                      <a:cxn ang="0">
                        <a:pos x="362" y="169"/>
                      </a:cxn>
                      <a:cxn ang="0">
                        <a:pos x="408" y="169"/>
                      </a:cxn>
                      <a:cxn ang="0">
                        <a:pos x="461" y="162"/>
                      </a:cxn>
                      <a:cxn ang="0">
                        <a:pos x="515" y="162"/>
                      </a:cxn>
                      <a:cxn ang="0">
                        <a:pos x="569" y="154"/>
                      </a:cxn>
                      <a:cxn ang="0">
                        <a:pos x="615" y="154"/>
                      </a:cxn>
                      <a:cxn ang="0">
                        <a:pos x="669" y="146"/>
                      </a:cxn>
                      <a:cxn ang="0">
                        <a:pos x="723" y="139"/>
                      </a:cxn>
                      <a:cxn ang="0">
                        <a:pos x="769" y="131"/>
                      </a:cxn>
                      <a:cxn ang="0">
                        <a:pos x="823" y="123"/>
                      </a:cxn>
                      <a:cxn ang="0">
                        <a:pos x="877" y="116"/>
                      </a:cxn>
                      <a:cxn ang="0">
                        <a:pos x="930" y="108"/>
                      </a:cxn>
                      <a:cxn ang="0">
                        <a:pos x="977" y="93"/>
                      </a:cxn>
                      <a:cxn ang="0">
                        <a:pos x="1030" y="85"/>
                      </a:cxn>
                      <a:cxn ang="0">
                        <a:pos x="1084" y="70"/>
                      </a:cxn>
                      <a:cxn ang="0">
                        <a:pos x="1138" y="62"/>
                      </a:cxn>
                      <a:cxn ang="0">
                        <a:pos x="1184" y="46"/>
                      </a:cxn>
                      <a:cxn ang="0">
                        <a:pos x="1238" y="39"/>
                      </a:cxn>
                      <a:cxn ang="0">
                        <a:pos x="1292" y="31"/>
                      </a:cxn>
                      <a:cxn ang="0">
                        <a:pos x="1338" y="16"/>
                      </a:cxn>
                      <a:cxn ang="0">
                        <a:pos x="1392" y="16"/>
                      </a:cxn>
                      <a:cxn ang="0">
                        <a:pos x="1445" y="8"/>
                      </a:cxn>
                      <a:cxn ang="0">
                        <a:pos x="1499" y="0"/>
                      </a:cxn>
                      <a:cxn ang="0">
                        <a:pos x="1545" y="0"/>
                      </a:cxn>
                      <a:cxn ang="0">
                        <a:pos x="1599" y="8"/>
                      </a:cxn>
                      <a:cxn ang="0">
                        <a:pos x="1653" y="16"/>
                      </a:cxn>
                      <a:cxn ang="0">
                        <a:pos x="1707" y="23"/>
                      </a:cxn>
                      <a:cxn ang="0">
                        <a:pos x="1753" y="39"/>
                      </a:cxn>
                      <a:cxn ang="0">
                        <a:pos x="1807" y="54"/>
                      </a:cxn>
                      <a:cxn ang="0">
                        <a:pos x="1861" y="70"/>
                      </a:cxn>
                      <a:cxn ang="0">
                        <a:pos x="1914" y="85"/>
                      </a:cxn>
                      <a:cxn ang="0">
                        <a:pos x="1961" y="93"/>
                      </a:cxn>
                      <a:cxn ang="0">
                        <a:pos x="2014" y="70"/>
                      </a:cxn>
                      <a:cxn ang="0">
                        <a:pos x="2068" y="31"/>
                      </a:cxn>
                      <a:cxn ang="0">
                        <a:pos x="2114" y="31"/>
                      </a:cxn>
                      <a:cxn ang="0">
                        <a:pos x="2168" y="54"/>
                      </a:cxn>
                      <a:cxn ang="0">
                        <a:pos x="2222" y="85"/>
                      </a:cxn>
                      <a:cxn ang="0">
                        <a:pos x="2276" y="116"/>
                      </a:cxn>
                      <a:cxn ang="0">
                        <a:pos x="2322" y="154"/>
                      </a:cxn>
                      <a:cxn ang="0">
                        <a:pos x="2376" y="200"/>
                      </a:cxn>
                      <a:cxn ang="0">
                        <a:pos x="2429" y="362"/>
                      </a:cxn>
                    </a:cxnLst>
                    <a:rect l="0" t="0" r="r" b="b"/>
                    <a:pathLst>
                      <a:path w="2429" h="362">
                        <a:moveTo>
                          <a:pt x="0" y="177"/>
                        </a:moveTo>
                        <a:lnTo>
                          <a:pt x="46" y="177"/>
                        </a:lnTo>
                        <a:lnTo>
                          <a:pt x="100" y="177"/>
                        </a:lnTo>
                        <a:lnTo>
                          <a:pt x="154" y="177"/>
                        </a:lnTo>
                        <a:lnTo>
                          <a:pt x="200" y="177"/>
                        </a:lnTo>
                        <a:lnTo>
                          <a:pt x="254" y="177"/>
                        </a:lnTo>
                        <a:lnTo>
                          <a:pt x="308" y="169"/>
                        </a:lnTo>
                        <a:lnTo>
                          <a:pt x="362" y="169"/>
                        </a:lnTo>
                        <a:lnTo>
                          <a:pt x="408" y="169"/>
                        </a:lnTo>
                        <a:lnTo>
                          <a:pt x="461" y="162"/>
                        </a:lnTo>
                        <a:lnTo>
                          <a:pt x="515" y="162"/>
                        </a:lnTo>
                        <a:lnTo>
                          <a:pt x="569" y="154"/>
                        </a:lnTo>
                        <a:lnTo>
                          <a:pt x="615" y="154"/>
                        </a:lnTo>
                        <a:lnTo>
                          <a:pt x="669" y="146"/>
                        </a:lnTo>
                        <a:lnTo>
                          <a:pt x="723" y="139"/>
                        </a:lnTo>
                        <a:lnTo>
                          <a:pt x="769" y="131"/>
                        </a:lnTo>
                        <a:lnTo>
                          <a:pt x="823" y="123"/>
                        </a:lnTo>
                        <a:lnTo>
                          <a:pt x="877" y="116"/>
                        </a:lnTo>
                        <a:lnTo>
                          <a:pt x="930" y="108"/>
                        </a:lnTo>
                        <a:lnTo>
                          <a:pt x="977" y="93"/>
                        </a:lnTo>
                        <a:lnTo>
                          <a:pt x="1030" y="85"/>
                        </a:lnTo>
                        <a:lnTo>
                          <a:pt x="1084" y="70"/>
                        </a:lnTo>
                        <a:lnTo>
                          <a:pt x="1138" y="62"/>
                        </a:lnTo>
                        <a:lnTo>
                          <a:pt x="1184" y="46"/>
                        </a:lnTo>
                        <a:lnTo>
                          <a:pt x="1238" y="39"/>
                        </a:lnTo>
                        <a:lnTo>
                          <a:pt x="1292" y="31"/>
                        </a:lnTo>
                        <a:lnTo>
                          <a:pt x="1338" y="16"/>
                        </a:lnTo>
                        <a:lnTo>
                          <a:pt x="1392" y="16"/>
                        </a:lnTo>
                        <a:lnTo>
                          <a:pt x="1445" y="8"/>
                        </a:lnTo>
                        <a:lnTo>
                          <a:pt x="1499" y="0"/>
                        </a:lnTo>
                        <a:lnTo>
                          <a:pt x="1545" y="0"/>
                        </a:lnTo>
                        <a:lnTo>
                          <a:pt x="1599" y="8"/>
                        </a:lnTo>
                        <a:lnTo>
                          <a:pt x="1653" y="16"/>
                        </a:lnTo>
                        <a:lnTo>
                          <a:pt x="1707" y="23"/>
                        </a:lnTo>
                        <a:lnTo>
                          <a:pt x="1753" y="39"/>
                        </a:lnTo>
                        <a:lnTo>
                          <a:pt x="1807" y="54"/>
                        </a:lnTo>
                        <a:lnTo>
                          <a:pt x="1861" y="70"/>
                        </a:lnTo>
                        <a:lnTo>
                          <a:pt x="1914" y="85"/>
                        </a:lnTo>
                        <a:lnTo>
                          <a:pt x="1961" y="93"/>
                        </a:lnTo>
                        <a:lnTo>
                          <a:pt x="2014" y="70"/>
                        </a:lnTo>
                        <a:lnTo>
                          <a:pt x="2068" y="31"/>
                        </a:lnTo>
                        <a:lnTo>
                          <a:pt x="2114" y="31"/>
                        </a:lnTo>
                        <a:lnTo>
                          <a:pt x="2168" y="54"/>
                        </a:lnTo>
                        <a:lnTo>
                          <a:pt x="2222" y="85"/>
                        </a:lnTo>
                        <a:lnTo>
                          <a:pt x="2276" y="116"/>
                        </a:lnTo>
                        <a:lnTo>
                          <a:pt x="2322" y="154"/>
                        </a:lnTo>
                        <a:lnTo>
                          <a:pt x="2376" y="200"/>
                        </a:lnTo>
                        <a:lnTo>
                          <a:pt x="2429" y="362"/>
                        </a:lnTo>
                      </a:path>
                    </a:pathLst>
                  </a:custGeom>
                  <a:noFill/>
                  <a:ln w="0">
                    <a:solidFill>
                      <a:schemeClr val="tx1"/>
                    </a:solidFill>
                    <a:prstDash val="solid"/>
                    <a:round/>
                    <a:headEnd/>
                    <a:tailEnd/>
                  </a:ln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255" name="Freeform 853"/>
                  <p:cNvSpPr>
                    <a:spLocks/>
                  </p:cNvSpPr>
                  <p:nvPr/>
                </p:nvSpPr>
                <p:spPr bwMode="auto">
                  <a:xfrm>
                    <a:off x="2028825" y="3924300"/>
                    <a:ext cx="4100513" cy="500063"/>
                  </a:xfrm>
                  <a:custGeom>
                    <a:avLst/>
                    <a:gdLst/>
                    <a:ahLst/>
                    <a:cxnLst>
                      <a:cxn ang="0">
                        <a:pos x="0" y="176"/>
                      </a:cxn>
                      <a:cxn ang="0">
                        <a:pos x="46" y="176"/>
                      </a:cxn>
                      <a:cxn ang="0">
                        <a:pos x="100" y="176"/>
                      </a:cxn>
                      <a:cxn ang="0">
                        <a:pos x="154" y="176"/>
                      </a:cxn>
                      <a:cxn ang="0">
                        <a:pos x="200" y="176"/>
                      </a:cxn>
                      <a:cxn ang="0">
                        <a:pos x="254" y="176"/>
                      </a:cxn>
                      <a:cxn ang="0">
                        <a:pos x="308" y="169"/>
                      </a:cxn>
                      <a:cxn ang="0">
                        <a:pos x="362" y="169"/>
                      </a:cxn>
                      <a:cxn ang="0">
                        <a:pos x="408" y="169"/>
                      </a:cxn>
                      <a:cxn ang="0">
                        <a:pos x="461" y="161"/>
                      </a:cxn>
                      <a:cxn ang="0">
                        <a:pos x="515" y="161"/>
                      </a:cxn>
                      <a:cxn ang="0">
                        <a:pos x="569" y="153"/>
                      </a:cxn>
                      <a:cxn ang="0">
                        <a:pos x="615" y="153"/>
                      </a:cxn>
                      <a:cxn ang="0">
                        <a:pos x="669" y="146"/>
                      </a:cxn>
                      <a:cxn ang="0">
                        <a:pos x="723" y="138"/>
                      </a:cxn>
                      <a:cxn ang="0">
                        <a:pos x="769" y="130"/>
                      </a:cxn>
                      <a:cxn ang="0">
                        <a:pos x="823" y="123"/>
                      </a:cxn>
                      <a:cxn ang="0">
                        <a:pos x="877" y="115"/>
                      </a:cxn>
                      <a:cxn ang="0">
                        <a:pos x="930" y="100"/>
                      </a:cxn>
                      <a:cxn ang="0">
                        <a:pos x="977" y="92"/>
                      </a:cxn>
                      <a:cxn ang="0">
                        <a:pos x="1030" y="77"/>
                      </a:cxn>
                      <a:cxn ang="0">
                        <a:pos x="1084" y="69"/>
                      </a:cxn>
                      <a:cxn ang="0">
                        <a:pos x="1138" y="53"/>
                      </a:cxn>
                      <a:cxn ang="0">
                        <a:pos x="1184" y="46"/>
                      </a:cxn>
                      <a:cxn ang="0">
                        <a:pos x="1238" y="38"/>
                      </a:cxn>
                      <a:cxn ang="0">
                        <a:pos x="1292" y="23"/>
                      </a:cxn>
                      <a:cxn ang="0">
                        <a:pos x="1338" y="15"/>
                      </a:cxn>
                      <a:cxn ang="0">
                        <a:pos x="1392" y="7"/>
                      </a:cxn>
                      <a:cxn ang="0">
                        <a:pos x="1445" y="0"/>
                      </a:cxn>
                      <a:cxn ang="0">
                        <a:pos x="1499" y="0"/>
                      </a:cxn>
                      <a:cxn ang="0">
                        <a:pos x="1545" y="0"/>
                      </a:cxn>
                      <a:cxn ang="0">
                        <a:pos x="1599" y="0"/>
                      </a:cxn>
                      <a:cxn ang="0">
                        <a:pos x="1653" y="7"/>
                      </a:cxn>
                      <a:cxn ang="0">
                        <a:pos x="1707" y="15"/>
                      </a:cxn>
                      <a:cxn ang="0">
                        <a:pos x="1753" y="30"/>
                      </a:cxn>
                      <a:cxn ang="0">
                        <a:pos x="1807" y="46"/>
                      </a:cxn>
                      <a:cxn ang="0">
                        <a:pos x="1861" y="61"/>
                      </a:cxn>
                      <a:cxn ang="0">
                        <a:pos x="1914" y="77"/>
                      </a:cxn>
                      <a:cxn ang="0">
                        <a:pos x="1961" y="92"/>
                      </a:cxn>
                      <a:cxn ang="0">
                        <a:pos x="2014" y="115"/>
                      </a:cxn>
                      <a:cxn ang="0">
                        <a:pos x="2068" y="130"/>
                      </a:cxn>
                      <a:cxn ang="0">
                        <a:pos x="2114" y="130"/>
                      </a:cxn>
                      <a:cxn ang="0">
                        <a:pos x="2168" y="100"/>
                      </a:cxn>
                      <a:cxn ang="0">
                        <a:pos x="2222" y="61"/>
                      </a:cxn>
                      <a:cxn ang="0">
                        <a:pos x="2276" y="53"/>
                      </a:cxn>
                      <a:cxn ang="0">
                        <a:pos x="2322" y="69"/>
                      </a:cxn>
                      <a:cxn ang="0">
                        <a:pos x="2376" y="92"/>
                      </a:cxn>
                      <a:cxn ang="0">
                        <a:pos x="2429" y="115"/>
                      </a:cxn>
                      <a:cxn ang="0">
                        <a:pos x="2483" y="138"/>
                      </a:cxn>
                      <a:cxn ang="0">
                        <a:pos x="2529" y="169"/>
                      </a:cxn>
                      <a:cxn ang="0">
                        <a:pos x="2583" y="315"/>
                      </a:cxn>
                    </a:cxnLst>
                    <a:rect l="0" t="0" r="r" b="b"/>
                    <a:pathLst>
                      <a:path w="2583" h="315">
                        <a:moveTo>
                          <a:pt x="0" y="176"/>
                        </a:moveTo>
                        <a:lnTo>
                          <a:pt x="46" y="176"/>
                        </a:lnTo>
                        <a:lnTo>
                          <a:pt x="100" y="176"/>
                        </a:lnTo>
                        <a:lnTo>
                          <a:pt x="154" y="176"/>
                        </a:lnTo>
                        <a:lnTo>
                          <a:pt x="200" y="176"/>
                        </a:lnTo>
                        <a:lnTo>
                          <a:pt x="254" y="176"/>
                        </a:lnTo>
                        <a:lnTo>
                          <a:pt x="308" y="169"/>
                        </a:lnTo>
                        <a:lnTo>
                          <a:pt x="362" y="169"/>
                        </a:lnTo>
                        <a:lnTo>
                          <a:pt x="408" y="169"/>
                        </a:lnTo>
                        <a:lnTo>
                          <a:pt x="461" y="161"/>
                        </a:lnTo>
                        <a:lnTo>
                          <a:pt x="515" y="161"/>
                        </a:lnTo>
                        <a:lnTo>
                          <a:pt x="569" y="153"/>
                        </a:lnTo>
                        <a:lnTo>
                          <a:pt x="615" y="153"/>
                        </a:lnTo>
                        <a:lnTo>
                          <a:pt x="669" y="146"/>
                        </a:lnTo>
                        <a:lnTo>
                          <a:pt x="723" y="138"/>
                        </a:lnTo>
                        <a:lnTo>
                          <a:pt x="769" y="130"/>
                        </a:lnTo>
                        <a:lnTo>
                          <a:pt x="823" y="123"/>
                        </a:lnTo>
                        <a:lnTo>
                          <a:pt x="877" y="115"/>
                        </a:lnTo>
                        <a:lnTo>
                          <a:pt x="930" y="100"/>
                        </a:lnTo>
                        <a:lnTo>
                          <a:pt x="977" y="92"/>
                        </a:lnTo>
                        <a:lnTo>
                          <a:pt x="1030" y="77"/>
                        </a:lnTo>
                        <a:lnTo>
                          <a:pt x="1084" y="69"/>
                        </a:lnTo>
                        <a:lnTo>
                          <a:pt x="1138" y="53"/>
                        </a:lnTo>
                        <a:lnTo>
                          <a:pt x="1184" y="46"/>
                        </a:lnTo>
                        <a:lnTo>
                          <a:pt x="1238" y="38"/>
                        </a:lnTo>
                        <a:lnTo>
                          <a:pt x="1292" y="23"/>
                        </a:lnTo>
                        <a:lnTo>
                          <a:pt x="1338" y="15"/>
                        </a:lnTo>
                        <a:lnTo>
                          <a:pt x="1392" y="7"/>
                        </a:lnTo>
                        <a:lnTo>
                          <a:pt x="1445" y="0"/>
                        </a:lnTo>
                        <a:lnTo>
                          <a:pt x="1499" y="0"/>
                        </a:lnTo>
                        <a:lnTo>
                          <a:pt x="1545" y="0"/>
                        </a:lnTo>
                        <a:lnTo>
                          <a:pt x="1599" y="0"/>
                        </a:lnTo>
                        <a:lnTo>
                          <a:pt x="1653" y="7"/>
                        </a:lnTo>
                        <a:lnTo>
                          <a:pt x="1707" y="15"/>
                        </a:lnTo>
                        <a:lnTo>
                          <a:pt x="1753" y="30"/>
                        </a:lnTo>
                        <a:lnTo>
                          <a:pt x="1807" y="46"/>
                        </a:lnTo>
                        <a:lnTo>
                          <a:pt x="1861" y="61"/>
                        </a:lnTo>
                        <a:lnTo>
                          <a:pt x="1914" y="77"/>
                        </a:lnTo>
                        <a:lnTo>
                          <a:pt x="1961" y="92"/>
                        </a:lnTo>
                        <a:lnTo>
                          <a:pt x="2014" y="115"/>
                        </a:lnTo>
                        <a:lnTo>
                          <a:pt x="2068" y="130"/>
                        </a:lnTo>
                        <a:lnTo>
                          <a:pt x="2114" y="130"/>
                        </a:lnTo>
                        <a:lnTo>
                          <a:pt x="2168" y="100"/>
                        </a:lnTo>
                        <a:lnTo>
                          <a:pt x="2222" y="61"/>
                        </a:lnTo>
                        <a:lnTo>
                          <a:pt x="2276" y="53"/>
                        </a:lnTo>
                        <a:lnTo>
                          <a:pt x="2322" y="69"/>
                        </a:lnTo>
                        <a:lnTo>
                          <a:pt x="2376" y="92"/>
                        </a:lnTo>
                        <a:lnTo>
                          <a:pt x="2429" y="115"/>
                        </a:lnTo>
                        <a:lnTo>
                          <a:pt x="2483" y="138"/>
                        </a:lnTo>
                        <a:lnTo>
                          <a:pt x="2529" y="169"/>
                        </a:lnTo>
                        <a:lnTo>
                          <a:pt x="2583" y="315"/>
                        </a:lnTo>
                      </a:path>
                    </a:pathLst>
                  </a:custGeom>
                  <a:noFill/>
                  <a:ln w="0">
                    <a:solidFill>
                      <a:schemeClr val="tx1"/>
                    </a:solidFill>
                    <a:prstDash val="solid"/>
                    <a:round/>
                    <a:headEnd/>
                    <a:tailEnd/>
                  </a:ln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256" name="Freeform 854"/>
                  <p:cNvSpPr>
                    <a:spLocks/>
                  </p:cNvSpPr>
                  <p:nvPr/>
                </p:nvSpPr>
                <p:spPr bwMode="auto">
                  <a:xfrm>
                    <a:off x="2028825" y="4094163"/>
                    <a:ext cx="4344988" cy="403225"/>
                  </a:xfrm>
                  <a:custGeom>
                    <a:avLst/>
                    <a:gdLst/>
                    <a:ahLst/>
                    <a:cxnLst>
                      <a:cxn ang="0">
                        <a:pos x="0" y="185"/>
                      </a:cxn>
                      <a:cxn ang="0">
                        <a:pos x="46" y="185"/>
                      </a:cxn>
                      <a:cxn ang="0">
                        <a:pos x="100" y="185"/>
                      </a:cxn>
                      <a:cxn ang="0">
                        <a:pos x="154" y="185"/>
                      </a:cxn>
                      <a:cxn ang="0">
                        <a:pos x="200" y="185"/>
                      </a:cxn>
                      <a:cxn ang="0">
                        <a:pos x="254" y="177"/>
                      </a:cxn>
                      <a:cxn ang="0">
                        <a:pos x="308" y="177"/>
                      </a:cxn>
                      <a:cxn ang="0">
                        <a:pos x="362" y="177"/>
                      </a:cxn>
                      <a:cxn ang="0">
                        <a:pos x="408" y="177"/>
                      </a:cxn>
                      <a:cxn ang="0">
                        <a:pos x="461" y="169"/>
                      </a:cxn>
                      <a:cxn ang="0">
                        <a:pos x="515" y="169"/>
                      </a:cxn>
                      <a:cxn ang="0">
                        <a:pos x="569" y="162"/>
                      </a:cxn>
                      <a:cxn ang="0">
                        <a:pos x="615" y="154"/>
                      </a:cxn>
                      <a:cxn ang="0">
                        <a:pos x="669" y="154"/>
                      </a:cxn>
                      <a:cxn ang="0">
                        <a:pos x="723" y="146"/>
                      </a:cxn>
                      <a:cxn ang="0">
                        <a:pos x="769" y="139"/>
                      </a:cxn>
                      <a:cxn ang="0">
                        <a:pos x="823" y="131"/>
                      </a:cxn>
                      <a:cxn ang="0">
                        <a:pos x="877" y="116"/>
                      </a:cxn>
                      <a:cxn ang="0">
                        <a:pos x="930" y="108"/>
                      </a:cxn>
                      <a:cxn ang="0">
                        <a:pos x="977" y="100"/>
                      </a:cxn>
                      <a:cxn ang="0">
                        <a:pos x="1030" y="85"/>
                      </a:cxn>
                      <a:cxn ang="0">
                        <a:pos x="1084" y="77"/>
                      </a:cxn>
                      <a:cxn ang="0">
                        <a:pos x="1138" y="62"/>
                      </a:cxn>
                      <a:cxn ang="0">
                        <a:pos x="1184" y="54"/>
                      </a:cxn>
                      <a:cxn ang="0">
                        <a:pos x="1238" y="39"/>
                      </a:cxn>
                      <a:cxn ang="0">
                        <a:pos x="1292" y="31"/>
                      </a:cxn>
                      <a:cxn ang="0">
                        <a:pos x="1338" y="23"/>
                      </a:cxn>
                      <a:cxn ang="0">
                        <a:pos x="1392" y="16"/>
                      </a:cxn>
                      <a:cxn ang="0">
                        <a:pos x="1445" y="8"/>
                      </a:cxn>
                      <a:cxn ang="0">
                        <a:pos x="1499" y="0"/>
                      </a:cxn>
                      <a:cxn ang="0">
                        <a:pos x="1545" y="0"/>
                      </a:cxn>
                      <a:cxn ang="0">
                        <a:pos x="1599" y="8"/>
                      </a:cxn>
                      <a:cxn ang="0">
                        <a:pos x="1653" y="8"/>
                      </a:cxn>
                      <a:cxn ang="0">
                        <a:pos x="1707" y="16"/>
                      </a:cxn>
                      <a:cxn ang="0">
                        <a:pos x="1753" y="31"/>
                      </a:cxn>
                      <a:cxn ang="0">
                        <a:pos x="1807" y="46"/>
                      </a:cxn>
                      <a:cxn ang="0">
                        <a:pos x="1861" y="62"/>
                      </a:cxn>
                      <a:cxn ang="0">
                        <a:pos x="1914" y="77"/>
                      </a:cxn>
                      <a:cxn ang="0">
                        <a:pos x="1961" y="93"/>
                      </a:cxn>
                      <a:cxn ang="0">
                        <a:pos x="2014" y="116"/>
                      </a:cxn>
                      <a:cxn ang="0">
                        <a:pos x="2068" y="131"/>
                      </a:cxn>
                      <a:cxn ang="0">
                        <a:pos x="2114" y="146"/>
                      </a:cxn>
                      <a:cxn ang="0">
                        <a:pos x="2168" y="162"/>
                      </a:cxn>
                      <a:cxn ang="0">
                        <a:pos x="2222" y="169"/>
                      </a:cxn>
                      <a:cxn ang="0">
                        <a:pos x="2276" y="169"/>
                      </a:cxn>
                      <a:cxn ang="0">
                        <a:pos x="2322" y="131"/>
                      </a:cxn>
                      <a:cxn ang="0">
                        <a:pos x="2376" y="85"/>
                      </a:cxn>
                      <a:cxn ang="0">
                        <a:pos x="2429" y="77"/>
                      </a:cxn>
                      <a:cxn ang="0">
                        <a:pos x="2483" y="85"/>
                      </a:cxn>
                      <a:cxn ang="0">
                        <a:pos x="2529" y="93"/>
                      </a:cxn>
                      <a:cxn ang="0">
                        <a:pos x="2583" y="100"/>
                      </a:cxn>
                      <a:cxn ang="0">
                        <a:pos x="2637" y="108"/>
                      </a:cxn>
                      <a:cxn ang="0">
                        <a:pos x="2683" y="116"/>
                      </a:cxn>
                      <a:cxn ang="0">
                        <a:pos x="2737" y="254"/>
                      </a:cxn>
                    </a:cxnLst>
                    <a:rect l="0" t="0" r="r" b="b"/>
                    <a:pathLst>
                      <a:path w="2737" h="254">
                        <a:moveTo>
                          <a:pt x="0" y="185"/>
                        </a:moveTo>
                        <a:lnTo>
                          <a:pt x="46" y="185"/>
                        </a:lnTo>
                        <a:lnTo>
                          <a:pt x="100" y="185"/>
                        </a:lnTo>
                        <a:lnTo>
                          <a:pt x="154" y="185"/>
                        </a:lnTo>
                        <a:lnTo>
                          <a:pt x="200" y="185"/>
                        </a:lnTo>
                        <a:lnTo>
                          <a:pt x="254" y="177"/>
                        </a:lnTo>
                        <a:lnTo>
                          <a:pt x="308" y="177"/>
                        </a:lnTo>
                        <a:lnTo>
                          <a:pt x="362" y="177"/>
                        </a:lnTo>
                        <a:lnTo>
                          <a:pt x="408" y="177"/>
                        </a:lnTo>
                        <a:lnTo>
                          <a:pt x="461" y="169"/>
                        </a:lnTo>
                        <a:lnTo>
                          <a:pt x="515" y="169"/>
                        </a:lnTo>
                        <a:lnTo>
                          <a:pt x="569" y="162"/>
                        </a:lnTo>
                        <a:lnTo>
                          <a:pt x="615" y="154"/>
                        </a:lnTo>
                        <a:lnTo>
                          <a:pt x="669" y="154"/>
                        </a:lnTo>
                        <a:lnTo>
                          <a:pt x="723" y="146"/>
                        </a:lnTo>
                        <a:lnTo>
                          <a:pt x="769" y="139"/>
                        </a:lnTo>
                        <a:lnTo>
                          <a:pt x="823" y="131"/>
                        </a:lnTo>
                        <a:lnTo>
                          <a:pt x="877" y="116"/>
                        </a:lnTo>
                        <a:lnTo>
                          <a:pt x="930" y="108"/>
                        </a:lnTo>
                        <a:lnTo>
                          <a:pt x="977" y="100"/>
                        </a:lnTo>
                        <a:lnTo>
                          <a:pt x="1030" y="85"/>
                        </a:lnTo>
                        <a:lnTo>
                          <a:pt x="1084" y="77"/>
                        </a:lnTo>
                        <a:lnTo>
                          <a:pt x="1138" y="62"/>
                        </a:lnTo>
                        <a:lnTo>
                          <a:pt x="1184" y="54"/>
                        </a:lnTo>
                        <a:lnTo>
                          <a:pt x="1238" y="39"/>
                        </a:lnTo>
                        <a:lnTo>
                          <a:pt x="1292" y="31"/>
                        </a:lnTo>
                        <a:lnTo>
                          <a:pt x="1338" y="23"/>
                        </a:lnTo>
                        <a:lnTo>
                          <a:pt x="1392" y="16"/>
                        </a:lnTo>
                        <a:lnTo>
                          <a:pt x="1445" y="8"/>
                        </a:lnTo>
                        <a:lnTo>
                          <a:pt x="1499" y="0"/>
                        </a:lnTo>
                        <a:lnTo>
                          <a:pt x="1545" y="0"/>
                        </a:lnTo>
                        <a:lnTo>
                          <a:pt x="1599" y="8"/>
                        </a:lnTo>
                        <a:lnTo>
                          <a:pt x="1653" y="8"/>
                        </a:lnTo>
                        <a:lnTo>
                          <a:pt x="1707" y="16"/>
                        </a:lnTo>
                        <a:lnTo>
                          <a:pt x="1753" y="31"/>
                        </a:lnTo>
                        <a:lnTo>
                          <a:pt x="1807" y="46"/>
                        </a:lnTo>
                        <a:lnTo>
                          <a:pt x="1861" y="62"/>
                        </a:lnTo>
                        <a:lnTo>
                          <a:pt x="1914" y="77"/>
                        </a:lnTo>
                        <a:lnTo>
                          <a:pt x="1961" y="93"/>
                        </a:lnTo>
                        <a:lnTo>
                          <a:pt x="2014" y="116"/>
                        </a:lnTo>
                        <a:lnTo>
                          <a:pt x="2068" y="131"/>
                        </a:lnTo>
                        <a:lnTo>
                          <a:pt x="2114" y="146"/>
                        </a:lnTo>
                        <a:lnTo>
                          <a:pt x="2168" y="162"/>
                        </a:lnTo>
                        <a:lnTo>
                          <a:pt x="2222" y="169"/>
                        </a:lnTo>
                        <a:lnTo>
                          <a:pt x="2276" y="169"/>
                        </a:lnTo>
                        <a:lnTo>
                          <a:pt x="2322" y="131"/>
                        </a:lnTo>
                        <a:lnTo>
                          <a:pt x="2376" y="85"/>
                        </a:lnTo>
                        <a:lnTo>
                          <a:pt x="2429" y="77"/>
                        </a:lnTo>
                        <a:lnTo>
                          <a:pt x="2483" y="85"/>
                        </a:lnTo>
                        <a:lnTo>
                          <a:pt x="2529" y="93"/>
                        </a:lnTo>
                        <a:lnTo>
                          <a:pt x="2583" y="100"/>
                        </a:lnTo>
                        <a:lnTo>
                          <a:pt x="2637" y="108"/>
                        </a:lnTo>
                        <a:lnTo>
                          <a:pt x="2683" y="116"/>
                        </a:lnTo>
                        <a:lnTo>
                          <a:pt x="2737" y="254"/>
                        </a:lnTo>
                      </a:path>
                    </a:pathLst>
                  </a:custGeom>
                  <a:noFill/>
                  <a:ln w="0">
                    <a:solidFill>
                      <a:schemeClr val="tx1"/>
                    </a:solidFill>
                    <a:prstDash val="solid"/>
                    <a:round/>
                    <a:headEnd/>
                    <a:tailEnd/>
                  </a:ln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257" name="Freeform 856"/>
                  <p:cNvSpPr>
                    <a:spLocks/>
                  </p:cNvSpPr>
                  <p:nvPr/>
                </p:nvSpPr>
                <p:spPr bwMode="auto">
                  <a:xfrm>
                    <a:off x="2028825" y="4351338"/>
                    <a:ext cx="4845050" cy="427038"/>
                  </a:xfrm>
                  <a:custGeom>
                    <a:avLst/>
                    <a:gdLst/>
                    <a:ahLst/>
                    <a:cxnLst>
                      <a:cxn ang="0">
                        <a:pos x="0" y="253"/>
                      </a:cxn>
                      <a:cxn ang="0">
                        <a:pos x="46" y="253"/>
                      </a:cxn>
                      <a:cxn ang="0">
                        <a:pos x="100" y="253"/>
                      </a:cxn>
                      <a:cxn ang="0">
                        <a:pos x="154" y="253"/>
                      </a:cxn>
                      <a:cxn ang="0">
                        <a:pos x="200" y="253"/>
                      </a:cxn>
                      <a:cxn ang="0">
                        <a:pos x="254" y="246"/>
                      </a:cxn>
                      <a:cxn ang="0">
                        <a:pos x="308" y="246"/>
                      </a:cxn>
                      <a:cxn ang="0">
                        <a:pos x="362" y="246"/>
                      </a:cxn>
                      <a:cxn ang="0">
                        <a:pos x="408" y="238"/>
                      </a:cxn>
                      <a:cxn ang="0">
                        <a:pos x="461" y="238"/>
                      </a:cxn>
                      <a:cxn ang="0">
                        <a:pos x="515" y="230"/>
                      </a:cxn>
                      <a:cxn ang="0">
                        <a:pos x="569" y="230"/>
                      </a:cxn>
                      <a:cxn ang="0">
                        <a:pos x="615" y="223"/>
                      </a:cxn>
                      <a:cxn ang="0">
                        <a:pos x="669" y="215"/>
                      </a:cxn>
                      <a:cxn ang="0">
                        <a:pos x="723" y="207"/>
                      </a:cxn>
                      <a:cxn ang="0">
                        <a:pos x="769" y="200"/>
                      </a:cxn>
                      <a:cxn ang="0">
                        <a:pos x="823" y="192"/>
                      </a:cxn>
                      <a:cxn ang="0">
                        <a:pos x="877" y="184"/>
                      </a:cxn>
                      <a:cxn ang="0">
                        <a:pos x="930" y="177"/>
                      </a:cxn>
                      <a:cxn ang="0">
                        <a:pos x="977" y="161"/>
                      </a:cxn>
                      <a:cxn ang="0">
                        <a:pos x="1030" y="153"/>
                      </a:cxn>
                      <a:cxn ang="0">
                        <a:pos x="1084" y="138"/>
                      </a:cxn>
                      <a:cxn ang="0">
                        <a:pos x="1138" y="130"/>
                      </a:cxn>
                      <a:cxn ang="0">
                        <a:pos x="1184" y="115"/>
                      </a:cxn>
                      <a:cxn ang="0">
                        <a:pos x="1238" y="107"/>
                      </a:cxn>
                      <a:cxn ang="0">
                        <a:pos x="1292" y="92"/>
                      </a:cxn>
                      <a:cxn ang="0">
                        <a:pos x="1338" y="84"/>
                      </a:cxn>
                      <a:cxn ang="0">
                        <a:pos x="1392" y="77"/>
                      </a:cxn>
                      <a:cxn ang="0">
                        <a:pos x="1445" y="69"/>
                      </a:cxn>
                      <a:cxn ang="0">
                        <a:pos x="1499" y="69"/>
                      </a:cxn>
                      <a:cxn ang="0">
                        <a:pos x="1545" y="61"/>
                      </a:cxn>
                      <a:cxn ang="0">
                        <a:pos x="1599" y="69"/>
                      </a:cxn>
                      <a:cxn ang="0">
                        <a:pos x="1653" y="69"/>
                      </a:cxn>
                      <a:cxn ang="0">
                        <a:pos x="1707" y="77"/>
                      </a:cxn>
                      <a:cxn ang="0">
                        <a:pos x="1753" y="92"/>
                      </a:cxn>
                      <a:cxn ang="0">
                        <a:pos x="1807" y="107"/>
                      </a:cxn>
                      <a:cxn ang="0">
                        <a:pos x="1861" y="123"/>
                      </a:cxn>
                      <a:cxn ang="0">
                        <a:pos x="1914" y="138"/>
                      </a:cxn>
                      <a:cxn ang="0">
                        <a:pos x="1961" y="153"/>
                      </a:cxn>
                      <a:cxn ang="0">
                        <a:pos x="2014" y="169"/>
                      </a:cxn>
                      <a:cxn ang="0">
                        <a:pos x="2068" y="184"/>
                      </a:cxn>
                      <a:cxn ang="0">
                        <a:pos x="2114" y="200"/>
                      </a:cxn>
                      <a:cxn ang="0">
                        <a:pos x="2168" y="215"/>
                      </a:cxn>
                      <a:cxn ang="0">
                        <a:pos x="2222" y="230"/>
                      </a:cxn>
                      <a:cxn ang="0">
                        <a:pos x="2276" y="238"/>
                      </a:cxn>
                      <a:cxn ang="0">
                        <a:pos x="2322" y="246"/>
                      </a:cxn>
                      <a:cxn ang="0">
                        <a:pos x="2376" y="261"/>
                      </a:cxn>
                      <a:cxn ang="0">
                        <a:pos x="2429" y="261"/>
                      </a:cxn>
                      <a:cxn ang="0">
                        <a:pos x="2483" y="269"/>
                      </a:cxn>
                      <a:cxn ang="0">
                        <a:pos x="2529" y="269"/>
                      </a:cxn>
                      <a:cxn ang="0">
                        <a:pos x="2583" y="253"/>
                      </a:cxn>
                      <a:cxn ang="0">
                        <a:pos x="2637" y="200"/>
                      </a:cxn>
                      <a:cxn ang="0">
                        <a:pos x="2683" y="138"/>
                      </a:cxn>
                      <a:cxn ang="0">
                        <a:pos x="2737" y="115"/>
                      </a:cxn>
                      <a:cxn ang="0">
                        <a:pos x="2791" y="107"/>
                      </a:cxn>
                      <a:cxn ang="0">
                        <a:pos x="2845" y="92"/>
                      </a:cxn>
                      <a:cxn ang="0">
                        <a:pos x="2891" y="69"/>
                      </a:cxn>
                      <a:cxn ang="0">
                        <a:pos x="2945" y="46"/>
                      </a:cxn>
                      <a:cxn ang="0">
                        <a:pos x="2998" y="0"/>
                      </a:cxn>
                      <a:cxn ang="0">
                        <a:pos x="3052" y="153"/>
                      </a:cxn>
                    </a:cxnLst>
                    <a:rect l="0" t="0" r="r" b="b"/>
                    <a:pathLst>
                      <a:path w="3052" h="269">
                        <a:moveTo>
                          <a:pt x="0" y="253"/>
                        </a:moveTo>
                        <a:lnTo>
                          <a:pt x="46" y="253"/>
                        </a:lnTo>
                        <a:lnTo>
                          <a:pt x="100" y="253"/>
                        </a:lnTo>
                        <a:lnTo>
                          <a:pt x="154" y="253"/>
                        </a:lnTo>
                        <a:lnTo>
                          <a:pt x="200" y="253"/>
                        </a:lnTo>
                        <a:lnTo>
                          <a:pt x="254" y="246"/>
                        </a:lnTo>
                        <a:lnTo>
                          <a:pt x="308" y="246"/>
                        </a:lnTo>
                        <a:lnTo>
                          <a:pt x="362" y="246"/>
                        </a:lnTo>
                        <a:lnTo>
                          <a:pt x="408" y="238"/>
                        </a:lnTo>
                        <a:lnTo>
                          <a:pt x="461" y="238"/>
                        </a:lnTo>
                        <a:lnTo>
                          <a:pt x="515" y="230"/>
                        </a:lnTo>
                        <a:lnTo>
                          <a:pt x="569" y="230"/>
                        </a:lnTo>
                        <a:lnTo>
                          <a:pt x="615" y="223"/>
                        </a:lnTo>
                        <a:lnTo>
                          <a:pt x="669" y="215"/>
                        </a:lnTo>
                        <a:lnTo>
                          <a:pt x="723" y="207"/>
                        </a:lnTo>
                        <a:lnTo>
                          <a:pt x="769" y="200"/>
                        </a:lnTo>
                        <a:lnTo>
                          <a:pt x="823" y="192"/>
                        </a:lnTo>
                        <a:lnTo>
                          <a:pt x="877" y="184"/>
                        </a:lnTo>
                        <a:lnTo>
                          <a:pt x="930" y="177"/>
                        </a:lnTo>
                        <a:lnTo>
                          <a:pt x="977" y="161"/>
                        </a:lnTo>
                        <a:lnTo>
                          <a:pt x="1030" y="153"/>
                        </a:lnTo>
                        <a:lnTo>
                          <a:pt x="1084" y="138"/>
                        </a:lnTo>
                        <a:lnTo>
                          <a:pt x="1138" y="130"/>
                        </a:lnTo>
                        <a:lnTo>
                          <a:pt x="1184" y="115"/>
                        </a:lnTo>
                        <a:lnTo>
                          <a:pt x="1238" y="107"/>
                        </a:lnTo>
                        <a:lnTo>
                          <a:pt x="1292" y="92"/>
                        </a:lnTo>
                        <a:lnTo>
                          <a:pt x="1338" y="84"/>
                        </a:lnTo>
                        <a:lnTo>
                          <a:pt x="1392" y="77"/>
                        </a:lnTo>
                        <a:lnTo>
                          <a:pt x="1445" y="69"/>
                        </a:lnTo>
                        <a:lnTo>
                          <a:pt x="1499" y="69"/>
                        </a:lnTo>
                        <a:lnTo>
                          <a:pt x="1545" y="61"/>
                        </a:lnTo>
                        <a:lnTo>
                          <a:pt x="1599" y="69"/>
                        </a:lnTo>
                        <a:lnTo>
                          <a:pt x="1653" y="69"/>
                        </a:lnTo>
                        <a:lnTo>
                          <a:pt x="1707" y="77"/>
                        </a:lnTo>
                        <a:lnTo>
                          <a:pt x="1753" y="92"/>
                        </a:lnTo>
                        <a:lnTo>
                          <a:pt x="1807" y="107"/>
                        </a:lnTo>
                        <a:lnTo>
                          <a:pt x="1861" y="123"/>
                        </a:lnTo>
                        <a:lnTo>
                          <a:pt x="1914" y="138"/>
                        </a:lnTo>
                        <a:lnTo>
                          <a:pt x="1961" y="153"/>
                        </a:lnTo>
                        <a:lnTo>
                          <a:pt x="2014" y="169"/>
                        </a:lnTo>
                        <a:lnTo>
                          <a:pt x="2068" y="184"/>
                        </a:lnTo>
                        <a:lnTo>
                          <a:pt x="2114" y="200"/>
                        </a:lnTo>
                        <a:lnTo>
                          <a:pt x="2168" y="215"/>
                        </a:lnTo>
                        <a:lnTo>
                          <a:pt x="2222" y="230"/>
                        </a:lnTo>
                        <a:lnTo>
                          <a:pt x="2276" y="238"/>
                        </a:lnTo>
                        <a:lnTo>
                          <a:pt x="2322" y="246"/>
                        </a:lnTo>
                        <a:lnTo>
                          <a:pt x="2376" y="261"/>
                        </a:lnTo>
                        <a:lnTo>
                          <a:pt x="2429" y="261"/>
                        </a:lnTo>
                        <a:lnTo>
                          <a:pt x="2483" y="269"/>
                        </a:lnTo>
                        <a:lnTo>
                          <a:pt x="2529" y="269"/>
                        </a:lnTo>
                        <a:lnTo>
                          <a:pt x="2583" y="253"/>
                        </a:lnTo>
                        <a:lnTo>
                          <a:pt x="2637" y="200"/>
                        </a:lnTo>
                        <a:lnTo>
                          <a:pt x="2683" y="138"/>
                        </a:lnTo>
                        <a:lnTo>
                          <a:pt x="2737" y="115"/>
                        </a:lnTo>
                        <a:lnTo>
                          <a:pt x="2791" y="107"/>
                        </a:lnTo>
                        <a:lnTo>
                          <a:pt x="2845" y="92"/>
                        </a:lnTo>
                        <a:lnTo>
                          <a:pt x="2891" y="69"/>
                        </a:lnTo>
                        <a:lnTo>
                          <a:pt x="2945" y="46"/>
                        </a:lnTo>
                        <a:lnTo>
                          <a:pt x="2998" y="0"/>
                        </a:lnTo>
                        <a:lnTo>
                          <a:pt x="3052" y="153"/>
                        </a:lnTo>
                      </a:path>
                    </a:pathLst>
                  </a:custGeom>
                  <a:noFill/>
                  <a:ln w="0">
                    <a:solidFill>
                      <a:schemeClr val="tx1"/>
                    </a:solidFill>
                    <a:prstDash val="solid"/>
                    <a:round/>
                    <a:headEnd/>
                    <a:tailEnd/>
                  </a:ln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258" name="Freeform 857"/>
                  <p:cNvSpPr>
                    <a:spLocks/>
                  </p:cNvSpPr>
                  <p:nvPr/>
                </p:nvSpPr>
                <p:spPr bwMode="auto">
                  <a:xfrm>
                    <a:off x="2028825" y="4375150"/>
                    <a:ext cx="5089525" cy="585788"/>
                  </a:xfrm>
                  <a:custGeom>
                    <a:avLst/>
                    <a:gdLst/>
                    <a:ahLst/>
                    <a:cxnLst>
                      <a:cxn ang="0">
                        <a:pos x="0" y="354"/>
                      </a:cxn>
                      <a:cxn ang="0">
                        <a:pos x="46" y="354"/>
                      </a:cxn>
                      <a:cxn ang="0">
                        <a:pos x="100" y="354"/>
                      </a:cxn>
                      <a:cxn ang="0">
                        <a:pos x="154" y="354"/>
                      </a:cxn>
                      <a:cxn ang="0">
                        <a:pos x="200" y="346"/>
                      </a:cxn>
                      <a:cxn ang="0">
                        <a:pos x="254" y="346"/>
                      </a:cxn>
                      <a:cxn ang="0">
                        <a:pos x="308" y="346"/>
                      </a:cxn>
                      <a:cxn ang="0">
                        <a:pos x="362" y="346"/>
                      </a:cxn>
                      <a:cxn ang="0">
                        <a:pos x="408" y="338"/>
                      </a:cxn>
                      <a:cxn ang="0">
                        <a:pos x="461" y="338"/>
                      </a:cxn>
                      <a:cxn ang="0">
                        <a:pos x="515" y="331"/>
                      </a:cxn>
                      <a:cxn ang="0">
                        <a:pos x="569" y="331"/>
                      </a:cxn>
                      <a:cxn ang="0">
                        <a:pos x="615" y="323"/>
                      </a:cxn>
                      <a:cxn ang="0">
                        <a:pos x="669" y="315"/>
                      </a:cxn>
                      <a:cxn ang="0">
                        <a:pos x="723" y="308"/>
                      </a:cxn>
                      <a:cxn ang="0">
                        <a:pos x="769" y="300"/>
                      </a:cxn>
                      <a:cxn ang="0">
                        <a:pos x="823" y="292"/>
                      </a:cxn>
                      <a:cxn ang="0">
                        <a:pos x="877" y="285"/>
                      </a:cxn>
                      <a:cxn ang="0">
                        <a:pos x="930" y="277"/>
                      </a:cxn>
                      <a:cxn ang="0">
                        <a:pos x="977" y="261"/>
                      </a:cxn>
                      <a:cxn ang="0">
                        <a:pos x="1030" y="254"/>
                      </a:cxn>
                      <a:cxn ang="0">
                        <a:pos x="1084" y="238"/>
                      </a:cxn>
                      <a:cxn ang="0">
                        <a:pos x="1138" y="231"/>
                      </a:cxn>
                      <a:cxn ang="0">
                        <a:pos x="1184" y="215"/>
                      </a:cxn>
                      <a:cxn ang="0">
                        <a:pos x="1238" y="208"/>
                      </a:cxn>
                      <a:cxn ang="0">
                        <a:pos x="1292" y="192"/>
                      </a:cxn>
                      <a:cxn ang="0">
                        <a:pos x="1338" y="185"/>
                      </a:cxn>
                      <a:cxn ang="0">
                        <a:pos x="1392" y="177"/>
                      </a:cxn>
                      <a:cxn ang="0">
                        <a:pos x="1445" y="169"/>
                      </a:cxn>
                      <a:cxn ang="0">
                        <a:pos x="1499" y="162"/>
                      </a:cxn>
                      <a:cxn ang="0">
                        <a:pos x="1545" y="162"/>
                      </a:cxn>
                      <a:cxn ang="0">
                        <a:pos x="1599" y="162"/>
                      </a:cxn>
                      <a:cxn ang="0">
                        <a:pos x="1653" y="169"/>
                      </a:cxn>
                      <a:cxn ang="0">
                        <a:pos x="1707" y="177"/>
                      </a:cxn>
                      <a:cxn ang="0">
                        <a:pos x="1753" y="185"/>
                      </a:cxn>
                      <a:cxn ang="0">
                        <a:pos x="1807" y="200"/>
                      </a:cxn>
                      <a:cxn ang="0">
                        <a:pos x="1861" y="215"/>
                      </a:cxn>
                      <a:cxn ang="0">
                        <a:pos x="1914" y="231"/>
                      </a:cxn>
                      <a:cxn ang="0">
                        <a:pos x="1961" y="246"/>
                      </a:cxn>
                      <a:cxn ang="0">
                        <a:pos x="2014" y="261"/>
                      </a:cxn>
                      <a:cxn ang="0">
                        <a:pos x="2068" y="285"/>
                      </a:cxn>
                      <a:cxn ang="0">
                        <a:pos x="2114" y="300"/>
                      </a:cxn>
                      <a:cxn ang="0">
                        <a:pos x="2168" y="308"/>
                      </a:cxn>
                      <a:cxn ang="0">
                        <a:pos x="2222" y="323"/>
                      </a:cxn>
                      <a:cxn ang="0">
                        <a:pos x="2276" y="331"/>
                      </a:cxn>
                      <a:cxn ang="0">
                        <a:pos x="2322" y="346"/>
                      </a:cxn>
                      <a:cxn ang="0">
                        <a:pos x="2376" y="354"/>
                      </a:cxn>
                      <a:cxn ang="0">
                        <a:pos x="2429" y="361"/>
                      </a:cxn>
                      <a:cxn ang="0">
                        <a:pos x="2483" y="361"/>
                      </a:cxn>
                      <a:cxn ang="0">
                        <a:pos x="2529" y="369"/>
                      </a:cxn>
                      <a:cxn ang="0">
                        <a:pos x="2583" y="369"/>
                      </a:cxn>
                      <a:cxn ang="0">
                        <a:pos x="2637" y="369"/>
                      </a:cxn>
                      <a:cxn ang="0">
                        <a:pos x="2683" y="361"/>
                      </a:cxn>
                      <a:cxn ang="0">
                        <a:pos x="2737" y="338"/>
                      </a:cxn>
                      <a:cxn ang="0">
                        <a:pos x="2791" y="277"/>
                      </a:cxn>
                      <a:cxn ang="0">
                        <a:pos x="2845" y="215"/>
                      </a:cxn>
                      <a:cxn ang="0">
                        <a:pos x="2891" y="185"/>
                      </a:cxn>
                      <a:cxn ang="0">
                        <a:pos x="2945" y="162"/>
                      </a:cxn>
                      <a:cxn ang="0">
                        <a:pos x="2998" y="138"/>
                      </a:cxn>
                      <a:cxn ang="0">
                        <a:pos x="3052" y="108"/>
                      </a:cxn>
                      <a:cxn ang="0">
                        <a:pos x="3098" y="69"/>
                      </a:cxn>
                      <a:cxn ang="0">
                        <a:pos x="3152" y="0"/>
                      </a:cxn>
                      <a:cxn ang="0">
                        <a:pos x="3206" y="215"/>
                      </a:cxn>
                    </a:cxnLst>
                    <a:rect l="0" t="0" r="r" b="b"/>
                    <a:pathLst>
                      <a:path w="3206" h="369">
                        <a:moveTo>
                          <a:pt x="0" y="354"/>
                        </a:moveTo>
                        <a:lnTo>
                          <a:pt x="46" y="354"/>
                        </a:lnTo>
                        <a:lnTo>
                          <a:pt x="100" y="354"/>
                        </a:lnTo>
                        <a:lnTo>
                          <a:pt x="154" y="354"/>
                        </a:lnTo>
                        <a:lnTo>
                          <a:pt x="200" y="346"/>
                        </a:lnTo>
                        <a:lnTo>
                          <a:pt x="254" y="346"/>
                        </a:lnTo>
                        <a:lnTo>
                          <a:pt x="308" y="346"/>
                        </a:lnTo>
                        <a:lnTo>
                          <a:pt x="362" y="346"/>
                        </a:lnTo>
                        <a:lnTo>
                          <a:pt x="408" y="338"/>
                        </a:lnTo>
                        <a:lnTo>
                          <a:pt x="461" y="338"/>
                        </a:lnTo>
                        <a:lnTo>
                          <a:pt x="515" y="331"/>
                        </a:lnTo>
                        <a:lnTo>
                          <a:pt x="569" y="331"/>
                        </a:lnTo>
                        <a:lnTo>
                          <a:pt x="615" y="323"/>
                        </a:lnTo>
                        <a:lnTo>
                          <a:pt x="669" y="315"/>
                        </a:lnTo>
                        <a:lnTo>
                          <a:pt x="723" y="308"/>
                        </a:lnTo>
                        <a:lnTo>
                          <a:pt x="769" y="300"/>
                        </a:lnTo>
                        <a:lnTo>
                          <a:pt x="823" y="292"/>
                        </a:lnTo>
                        <a:lnTo>
                          <a:pt x="877" y="285"/>
                        </a:lnTo>
                        <a:lnTo>
                          <a:pt x="930" y="277"/>
                        </a:lnTo>
                        <a:lnTo>
                          <a:pt x="977" y="261"/>
                        </a:lnTo>
                        <a:lnTo>
                          <a:pt x="1030" y="254"/>
                        </a:lnTo>
                        <a:lnTo>
                          <a:pt x="1084" y="238"/>
                        </a:lnTo>
                        <a:lnTo>
                          <a:pt x="1138" y="231"/>
                        </a:lnTo>
                        <a:lnTo>
                          <a:pt x="1184" y="215"/>
                        </a:lnTo>
                        <a:lnTo>
                          <a:pt x="1238" y="208"/>
                        </a:lnTo>
                        <a:lnTo>
                          <a:pt x="1292" y="192"/>
                        </a:lnTo>
                        <a:lnTo>
                          <a:pt x="1338" y="185"/>
                        </a:lnTo>
                        <a:lnTo>
                          <a:pt x="1392" y="177"/>
                        </a:lnTo>
                        <a:lnTo>
                          <a:pt x="1445" y="169"/>
                        </a:lnTo>
                        <a:lnTo>
                          <a:pt x="1499" y="162"/>
                        </a:lnTo>
                        <a:lnTo>
                          <a:pt x="1545" y="162"/>
                        </a:lnTo>
                        <a:lnTo>
                          <a:pt x="1599" y="162"/>
                        </a:lnTo>
                        <a:lnTo>
                          <a:pt x="1653" y="169"/>
                        </a:lnTo>
                        <a:lnTo>
                          <a:pt x="1707" y="177"/>
                        </a:lnTo>
                        <a:lnTo>
                          <a:pt x="1753" y="185"/>
                        </a:lnTo>
                        <a:lnTo>
                          <a:pt x="1807" y="200"/>
                        </a:lnTo>
                        <a:lnTo>
                          <a:pt x="1861" y="215"/>
                        </a:lnTo>
                        <a:lnTo>
                          <a:pt x="1914" y="231"/>
                        </a:lnTo>
                        <a:lnTo>
                          <a:pt x="1961" y="246"/>
                        </a:lnTo>
                        <a:lnTo>
                          <a:pt x="2014" y="261"/>
                        </a:lnTo>
                        <a:lnTo>
                          <a:pt x="2068" y="285"/>
                        </a:lnTo>
                        <a:lnTo>
                          <a:pt x="2114" y="300"/>
                        </a:lnTo>
                        <a:lnTo>
                          <a:pt x="2168" y="308"/>
                        </a:lnTo>
                        <a:lnTo>
                          <a:pt x="2222" y="323"/>
                        </a:lnTo>
                        <a:lnTo>
                          <a:pt x="2276" y="331"/>
                        </a:lnTo>
                        <a:lnTo>
                          <a:pt x="2322" y="346"/>
                        </a:lnTo>
                        <a:lnTo>
                          <a:pt x="2376" y="354"/>
                        </a:lnTo>
                        <a:lnTo>
                          <a:pt x="2429" y="361"/>
                        </a:lnTo>
                        <a:lnTo>
                          <a:pt x="2483" y="361"/>
                        </a:lnTo>
                        <a:lnTo>
                          <a:pt x="2529" y="369"/>
                        </a:lnTo>
                        <a:lnTo>
                          <a:pt x="2583" y="369"/>
                        </a:lnTo>
                        <a:lnTo>
                          <a:pt x="2637" y="369"/>
                        </a:lnTo>
                        <a:lnTo>
                          <a:pt x="2683" y="361"/>
                        </a:lnTo>
                        <a:lnTo>
                          <a:pt x="2737" y="338"/>
                        </a:lnTo>
                        <a:lnTo>
                          <a:pt x="2791" y="277"/>
                        </a:lnTo>
                        <a:lnTo>
                          <a:pt x="2845" y="215"/>
                        </a:lnTo>
                        <a:lnTo>
                          <a:pt x="2891" y="185"/>
                        </a:lnTo>
                        <a:lnTo>
                          <a:pt x="2945" y="162"/>
                        </a:lnTo>
                        <a:lnTo>
                          <a:pt x="2998" y="138"/>
                        </a:lnTo>
                        <a:lnTo>
                          <a:pt x="3052" y="108"/>
                        </a:lnTo>
                        <a:lnTo>
                          <a:pt x="3098" y="69"/>
                        </a:lnTo>
                        <a:lnTo>
                          <a:pt x="3152" y="0"/>
                        </a:lnTo>
                        <a:lnTo>
                          <a:pt x="3206" y="215"/>
                        </a:lnTo>
                      </a:path>
                    </a:pathLst>
                  </a:custGeom>
                  <a:noFill/>
                  <a:ln w="0">
                    <a:solidFill>
                      <a:schemeClr val="tx1"/>
                    </a:solidFill>
                    <a:prstDash val="solid"/>
                    <a:round/>
                    <a:headEnd/>
                    <a:tailEnd/>
                  </a:ln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259" name="Freeform 858"/>
                  <p:cNvSpPr>
                    <a:spLocks/>
                  </p:cNvSpPr>
                  <p:nvPr/>
                </p:nvSpPr>
                <p:spPr bwMode="auto">
                  <a:xfrm>
                    <a:off x="2028825" y="4448175"/>
                    <a:ext cx="5334000" cy="684213"/>
                  </a:xfrm>
                  <a:custGeom>
                    <a:avLst/>
                    <a:gdLst/>
                    <a:ahLst/>
                    <a:cxnLst>
                      <a:cxn ang="0">
                        <a:pos x="46" y="423"/>
                      </a:cxn>
                      <a:cxn ang="0">
                        <a:pos x="154" y="423"/>
                      </a:cxn>
                      <a:cxn ang="0">
                        <a:pos x="254" y="415"/>
                      </a:cxn>
                      <a:cxn ang="0">
                        <a:pos x="362" y="415"/>
                      </a:cxn>
                      <a:cxn ang="0">
                        <a:pos x="461" y="408"/>
                      </a:cxn>
                      <a:cxn ang="0">
                        <a:pos x="569" y="400"/>
                      </a:cxn>
                      <a:cxn ang="0">
                        <a:pos x="669" y="385"/>
                      </a:cxn>
                      <a:cxn ang="0">
                        <a:pos x="769" y="369"/>
                      </a:cxn>
                      <a:cxn ang="0">
                        <a:pos x="877" y="354"/>
                      </a:cxn>
                      <a:cxn ang="0">
                        <a:pos x="977" y="331"/>
                      </a:cxn>
                      <a:cxn ang="0">
                        <a:pos x="1084" y="308"/>
                      </a:cxn>
                      <a:cxn ang="0">
                        <a:pos x="1184" y="285"/>
                      </a:cxn>
                      <a:cxn ang="0">
                        <a:pos x="1292" y="262"/>
                      </a:cxn>
                      <a:cxn ang="0">
                        <a:pos x="1392" y="246"/>
                      </a:cxn>
                      <a:cxn ang="0">
                        <a:pos x="1499" y="231"/>
                      </a:cxn>
                      <a:cxn ang="0">
                        <a:pos x="1599" y="231"/>
                      </a:cxn>
                      <a:cxn ang="0">
                        <a:pos x="1707" y="246"/>
                      </a:cxn>
                      <a:cxn ang="0">
                        <a:pos x="1807" y="269"/>
                      </a:cxn>
                      <a:cxn ang="0">
                        <a:pos x="1914" y="300"/>
                      </a:cxn>
                      <a:cxn ang="0">
                        <a:pos x="2014" y="331"/>
                      </a:cxn>
                      <a:cxn ang="0">
                        <a:pos x="2114" y="362"/>
                      </a:cxn>
                      <a:cxn ang="0">
                        <a:pos x="2222" y="385"/>
                      </a:cxn>
                      <a:cxn ang="0">
                        <a:pos x="2322" y="408"/>
                      </a:cxn>
                      <a:cxn ang="0">
                        <a:pos x="2429" y="423"/>
                      </a:cxn>
                      <a:cxn ang="0">
                        <a:pos x="2529" y="431"/>
                      </a:cxn>
                      <a:cxn ang="0">
                        <a:pos x="2637" y="431"/>
                      </a:cxn>
                      <a:cxn ang="0">
                        <a:pos x="2737" y="423"/>
                      </a:cxn>
                      <a:cxn ang="0">
                        <a:pos x="2845" y="408"/>
                      </a:cxn>
                      <a:cxn ang="0">
                        <a:pos x="2945" y="308"/>
                      </a:cxn>
                      <a:cxn ang="0">
                        <a:pos x="3052" y="200"/>
                      </a:cxn>
                      <a:cxn ang="0">
                        <a:pos x="3152" y="146"/>
                      </a:cxn>
                      <a:cxn ang="0">
                        <a:pos x="3260" y="62"/>
                      </a:cxn>
                      <a:cxn ang="0">
                        <a:pos x="3360" y="338"/>
                      </a:cxn>
                    </a:cxnLst>
                    <a:rect l="0" t="0" r="r" b="b"/>
                    <a:pathLst>
                      <a:path w="3360" h="431">
                        <a:moveTo>
                          <a:pt x="0" y="423"/>
                        </a:moveTo>
                        <a:lnTo>
                          <a:pt x="46" y="423"/>
                        </a:lnTo>
                        <a:lnTo>
                          <a:pt x="100" y="423"/>
                        </a:lnTo>
                        <a:lnTo>
                          <a:pt x="154" y="423"/>
                        </a:lnTo>
                        <a:lnTo>
                          <a:pt x="200" y="415"/>
                        </a:lnTo>
                        <a:lnTo>
                          <a:pt x="254" y="415"/>
                        </a:lnTo>
                        <a:lnTo>
                          <a:pt x="308" y="415"/>
                        </a:lnTo>
                        <a:lnTo>
                          <a:pt x="362" y="415"/>
                        </a:lnTo>
                        <a:lnTo>
                          <a:pt x="408" y="408"/>
                        </a:lnTo>
                        <a:lnTo>
                          <a:pt x="461" y="408"/>
                        </a:lnTo>
                        <a:lnTo>
                          <a:pt x="515" y="400"/>
                        </a:lnTo>
                        <a:lnTo>
                          <a:pt x="569" y="400"/>
                        </a:lnTo>
                        <a:lnTo>
                          <a:pt x="615" y="392"/>
                        </a:lnTo>
                        <a:lnTo>
                          <a:pt x="669" y="385"/>
                        </a:lnTo>
                        <a:lnTo>
                          <a:pt x="723" y="377"/>
                        </a:lnTo>
                        <a:lnTo>
                          <a:pt x="769" y="369"/>
                        </a:lnTo>
                        <a:lnTo>
                          <a:pt x="823" y="362"/>
                        </a:lnTo>
                        <a:lnTo>
                          <a:pt x="877" y="354"/>
                        </a:lnTo>
                        <a:lnTo>
                          <a:pt x="930" y="346"/>
                        </a:lnTo>
                        <a:lnTo>
                          <a:pt x="977" y="331"/>
                        </a:lnTo>
                        <a:lnTo>
                          <a:pt x="1030" y="323"/>
                        </a:lnTo>
                        <a:lnTo>
                          <a:pt x="1084" y="308"/>
                        </a:lnTo>
                        <a:lnTo>
                          <a:pt x="1138" y="300"/>
                        </a:lnTo>
                        <a:lnTo>
                          <a:pt x="1184" y="285"/>
                        </a:lnTo>
                        <a:lnTo>
                          <a:pt x="1238" y="269"/>
                        </a:lnTo>
                        <a:lnTo>
                          <a:pt x="1292" y="262"/>
                        </a:lnTo>
                        <a:lnTo>
                          <a:pt x="1338" y="254"/>
                        </a:lnTo>
                        <a:lnTo>
                          <a:pt x="1392" y="246"/>
                        </a:lnTo>
                        <a:lnTo>
                          <a:pt x="1445" y="239"/>
                        </a:lnTo>
                        <a:lnTo>
                          <a:pt x="1499" y="231"/>
                        </a:lnTo>
                        <a:lnTo>
                          <a:pt x="1545" y="231"/>
                        </a:lnTo>
                        <a:lnTo>
                          <a:pt x="1599" y="231"/>
                        </a:lnTo>
                        <a:lnTo>
                          <a:pt x="1653" y="239"/>
                        </a:lnTo>
                        <a:lnTo>
                          <a:pt x="1707" y="246"/>
                        </a:lnTo>
                        <a:lnTo>
                          <a:pt x="1753" y="254"/>
                        </a:lnTo>
                        <a:lnTo>
                          <a:pt x="1807" y="269"/>
                        </a:lnTo>
                        <a:lnTo>
                          <a:pt x="1861" y="285"/>
                        </a:lnTo>
                        <a:lnTo>
                          <a:pt x="1914" y="300"/>
                        </a:lnTo>
                        <a:lnTo>
                          <a:pt x="1961" y="315"/>
                        </a:lnTo>
                        <a:lnTo>
                          <a:pt x="2014" y="331"/>
                        </a:lnTo>
                        <a:lnTo>
                          <a:pt x="2068" y="346"/>
                        </a:lnTo>
                        <a:lnTo>
                          <a:pt x="2114" y="362"/>
                        </a:lnTo>
                        <a:lnTo>
                          <a:pt x="2168" y="377"/>
                        </a:lnTo>
                        <a:lnTo>
                          <a:pt x="2222" y="385"/>
                        </a:lnTo>
                        <a:lnTo>
                          <a:pt x="2276" y="400"/>
                        </a:lnTo>
                        <a:lnTo>
                          <a:pt x="2322" y="408"/>
                        </a:lnTo>
                        <a:lnTo>
                          <a:pt x="2376" y="415"/>
                        </a:lnTo>
                        <a:lnTo>
                          <a:pt x="2429" y="423"/>
                        </a:lnTo>
                        <a:lnTo>
                          <a:pt x="2483" y="423"/>
                        </a:lnTo>
                        <a:lnTo>
                          <a:pt x="2529" y="431"/>
                        </a:lnTo>
                        <a:lnTo>
                          <a:pt x="2583" y="431"/>
                        </a:lnTo>
                        <a:lnTo>
                          <a:pt x="2637" y="431"/>
                        </a:lnTo>
                        <a:lnTo>
                          <a:pt x="2683" y="431"/>
                        </a:lnTo>
                        <a:lnTo>
                          <a:pt x="2737" y="423"/>
                        </a:lnTo>
                        <a:lnTo>
                          <a:pt x="2791" y="423"/>
                        </a:lnTo>
                        <a:lnTo>
                          <a:pt x="2845" y="408"/>
                        </a:lnTo>
                        <a:lnTo>
                          <a:pt x="2891" y="377"/>
                        </a:lnTo>
                        <a:lnTo>
                          <a:pt x="2945" y="308"/>
                        </a:lnTo>
                        <a:lnTo>
                          <a:pt x="2998" y="239"/>
                        </a:lnTo>
                        <a:lnTo>
                          <a:pt x="3052" y="200"/>
                        </a:lnTo>
                        <a:lnTo>
                          <a:pt x="3098" y="177"/>
                        </a:lnTo>
                        <a:lnTo>
                          <a:pt x="3152" y="146"/>
                        </a:lnTo>
                        <a:lnTo>
                          <a:pt x="3206" y="108"/>
                        </a:lnTo>
                        <a:lnTo>
                          <a:pt x="3260" y="62"/>
                        </a:lnTo>
                        <a:lnTo>
                          <a:pt x="3306" y="0"/>
                        </a:lnTo>
                        <a:lnTo>
                          <a:pt x="3360" y="338"/>
                        </a:lnTo>
                      </a:path>
                    </a:pathLst>
                  </a:custGeom>
                  <a:noFill/>
                  <a:ln w="0">
                    <a:solidFill>
                      <a:schemeClr val="tx1"/>
                    </a:solidFill>
                    <a:prstDash val="solid"/>
                    <a:round/>
                    <a:headEnd/>
                    <a:tailEnd/>
                  </a:ln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260" name="Freeform 860"/>
                  <p:cNvSpPr>
                    <a:spLocks/>
                  </p:cNvSpPr>
                  <p:nvPr/>
                </p:nvSpPr>
                <p:spPr bwMode="auto">
                  <a:xfrm>
                    <a:off x="2028825" y="4729163"/>
                    <a:ext cx="5748338" cy="757238"/>
                  </a:xfrm>
                  <a:custGeom>
                    <a:avLst/>
                    <a:gdLst/>
                    <a:ahLst/>
                    <a:cxnLst>
                      <a:cxn ang="0">
                        <a:pos x="46" y="477"/>
                      </a:cxn>
                      <a:cxn ang="0">
                        <a:pos x="154" y="477"/>
                      </a:cxn>
                      <a:cxn ang="0">
                        <a:pos x="254" y="469"/>
                      </a:cxn>
                      <a:cxn ang="0">
                        <a:pos x="362" y="469"/>
                      </a:cxn>
                      <a:cxn ang="0">
                        <a:pos x="461" y="461"/>
                      </a:cxn>
                      <a:cxn ang="0">
                        <a:pos x="569" y="454"/>
                      </a:cxn>
                      <a:cxn ang="0">
                        <a:pos x="669" y="438"/>
                      </a:cxn>
                      <a:cxn ang="0">
                        <a:pos x="769" y="423"/>
                      </a:cxn>
                      <a:cxn ang="0">
                        <a:pos x="877" y="407"/>
                      </a:cxn>
                      <a:cxn ang="0">
                        <a:pos x="977" y="384"/>
                      </a:cxn>
                      <a:cxn ang="0">
                        <a:pos x="1084" y="361"/>
                      </a:cxn>
                      <a:cxn ang="0">
                        <a:pos x="1184" y="338"/>
                      </a:cxn>
                      <a:cxn ang="0">
                        <a:pos x="1292" y="315"/>
                      </a:cxn>
                      <a:cxn ang="0">
                        <a:pos x="1392" y="292"/>
                      </a:cxn>
                      <a:cxn ang="0">
                        <a:pos x="1499" y="284"/>
                      </a:cxn>
                      <a:cxn ang="0">
                        <a:pos x="1599" y="284"/>
                      </a:cxn>
                      <a:cxn ang="0">
                        <a:pos x="1707" y="292"/>
                      </a:cxn>
                      <a:cxn ang="0">
                        <a:pos x="1807" y="315"/>
                      </a:cxn>
                      <a:cxn ang="0">
                        <a:pos x="1914" y="346"/>
                      </a:cxn>
                      <a:cxn ang="0">
                        <a:pos x="2014" y="377"/>
                      </a:cxn>
                      <a:cxn ang="0">
                        <a:pos x="2114" y="407"/>
                      </a:cxn>
                      <a:cxn ang="0">
                        <a:pos x="2222" y="438"/>
                      </a:cxn>
                      <a:cxn ang="0">
                        <a:pos x="2322" y="454"/>
                      </a:cxn>
                      <a:cxn ang="0">
                        <a:pos x="2429" y="469"/>
                      </a:cxn>
                      <a:cxn ang="0">
                        <a:pos x="2529" y="477"/>
                      </a:cxn>
                      <a:cxn ang="0">
                        <a:pos x="2637" y="477"/>
                      </a:cxn>
                      <a:cxn ang="0">
                        <a:pos x="2737" y="469"/>
                      </a:cxn>
                      <a:cxn ang="0">
                        <a:pos x="2845" y="454"/>
                      </a:cxn>
                      <a:cxn ang="0">
                        <a:pos x="2945" y="438"/>
                      </a:cxn>
                      <a:cxn ang="0">
                        <a:pos x="3052" y="415"/>
                      </a:cxn>
                      <a:cxn ang="0">
                        <a:pos x="3152" y="377"/>
                      </a:cxn>
                      <a:cxn ang="0">
                        <a:pos x="3260" y="238"/>
                      </a:cxn>
                      <a:cxn ang="0">
                        <a:pos x="3360" y="123"/>
                      </a:cxn>
                      <a:cxn ang="0">
                        <a:pos x="3460" y="46"/>
                      </a:cxn>
                      <a:cxn ang="0">
                        <a:pos x="3567" y="0"/>
                      </a:cxn>
                    </a:cxnLst>
                    <a:rect l="0" t="0" r="r" b="b"/>
                    <a:pathLst>
                      <a:path w="3621" h="477">
                        <a:moveTo>
                          <a:pt x="0" y="477"/>
                        </a:moveTo>
                        <a:lnTo>
                          <a:pt x="46" y="477"/>
                        </a:lnTo>
                        <a:lnTo>
                          <a:pt x="100" y="477"/>
                        </a:lnTo>
                        <a:lnTo>
                          <a:pt x="154" y="477"/>
                        </a:lnTo>
                        <a:lnTo>
                          <a:pt x="200" y="469"/>
                        </a:lnTo>
                        <a:lnTo>
                          <a:pt x="254" y="469"/>
                        </a:lnTo>
                        <a:lnTo>
                          <a:pt x="308" y="469"/>
                        </a:lnTo>
                        <a:lnTo>
                          <a:pt x="362" y="469"/>
                        </a:lnTo>
                        <a:lnTo>
                          <a:pt x="408" y="461"/>
                        </a:lnTo>
                        <a:lnTo>
                          <a:pt x="461" y="461"/>
                        </a:lnTo>
                        <a:lnTo>
                          <a:pt x="515" y="454"/>
                        </a:lnTo>
                        <a:lnTo>
                          <a:pt x="569" y="454"/>
                        </a:lnTo>
                        <a:lnTo>
                          <a:pt x="615" y="446"/>
                        </a:lnTo>
                        <a:lnTo>
                          <a:pt x="669" y="438"/>
                        </a:lnTo>
                        <a:lnTo>
                          <a:pt x="723" y="431"/>
                        </a:lnTo>
                        <a:lnTo>
                          <a:pt x="769" y="423"/>
                        </a:lnTo>
                        <a:lnTo>
                          <a:pt x="823" y="415"/>
                        </a:lnTo>
                        <a:lnTo>
                          <a:pt x="877" y="407"/>
                        </a:lnTo>
                        <a:lnTo>
                          <a:pt x="930" y="400"/>
                        </a:lnTo>
                        <a:lnTo>
                          <a:pt x="977" y="384"/>
                        </a:lnTo>
                        <a:lnTo>
                          <a:pt x="1030" y="377"/>
                        </a:lnTo>
                        <a:lnTo>
                          <a:pt x="1084" y="361"/>
                        </a:lnTo>
                        <a:lnTo>
                          <a:pt x="1138" y="346"/>
                        </a:lnTo>
                        <a:lnTo>
                          <a:pt x="1184" y="338"/>
                        </a:lnTo>
                        <a:lnTo>
                          <a:pt x="1238" y="323"/>
                        </a:lnTo>
                        <a:lnTo>
                          <a:pt x="1292" y="315"/>
                        </a:lnTo>
                        <a:lnTo>
                          <a:pt x="1338" y="300"/>
                        </a:lnTo>
                        <a:lnTo>
                          <a:pt x="1392" y="292"/>
                        </a:lnTo>
                        <a:lnTo>
                          <a:pt x="1445" y="284"/>
                        </a:lnTo>
                        <a:lnTo>
                          <a:pt x="1499" y="284"/>
                        </a:lnTo>
                        <a:lnTo>
                          <a:pt x="1545" y="284"/>
                        </a:lnTo>
                        <a:lnTo>
                          <a:pt x="1599" y="284"/>
                        </a:lnTo>
                        <a:lnTo>
                          <a:pt x="1653" y="284"/>
                        </a:lnTo>
                        <a:lnTo>
                          <a:pt x="1707" y="292"/>
                        </a:lnTo>
                        <a:lnTo>
                          <a:pt x="1753" y="308"/>
                        </a:lnTo>
                        <a:lnTo>
                          <a:pt x="1807" y="315"/>
                        </a:lnTo>
                        <a:lnTo>
                          <a:pt x="1861" y="331"/>
                        </a:lnTo>
                        <a:lnTo>
                          <a:pt x="1914" y="346"/>
                        </a:lnTo>
                        <a:lnTo>
                          <a:pt x="1961" y="361"/>
                        </a:lnTo>
                        <a:lnTo>
                          <a:pt x="2014" y="377"/>
                        </a:lnTo>
                        <a:lnTo>
                          <a:pt x="2068" y="392"/>
                        </a:lnTo>
                        <a:lnTo>
                          <a:pt x="2114" y="407"/>
                        </a:lnTo>
                        <a:lnTo>
                          <a:pt x="2168" y="423"/>
                        </a:lnTo>
                        <a:lnTo>
                          <a:pt x="2222" y="438"/>
                        </a:lnTo>
                        <a:lnTo>
                          <a:pt x="2276" y="446"/>
                        </a:lnTo>
                        <a:lnTo>
                          <a:pt x="2322" y="454"/>
                        </a:lnTo>
                        <a:lnTo>
                          <a:pt x="2376" y="461"/>
                        </a:lnTo>
                        <a:lnTo>
                          <a:pt x="2429" y="469"/>
                        </a:lnTo>
                        <a:lnTo>
                          <a:pt x="2483" y="469"/>
                        </a:lnTo>
                        <a:lnTo>
                          <a:pt x="2529" y="477"/>
                        </a:lnTo>
                        <a:lnTo>
                          <a:pt x="2583" y="477"/>
                        </a:lnTo>
                        <a:lnTo>
                          <a:pt x="2637" y="477"/>
                        </a:lnTo>
                        <a:lnTo>
                          <a:pt x="2683" y="477"/>
                        </a:lnTo>
                        <a:lnTo>
                          <a:pt x="2737" y="469"/>
                        </a:lnTo>
                        <a:lnTo>
                          <a:pt x="2791" y="461"/>
                        </a:lnTo>
                        <a:lnTo>
                          <a:pt x="2845" y="454"/>
                        </a:lnTo>
                        <a:lnTo>
                          <a:pt x="2891" y="446"/>
                        </a:lnTo>
                        <a:lnTo>
                          <a:pt x="2945" y="438"/>
                        </a:lnTo>
                        <a:lnTo>
                          <a:pt x="2998" y="431"/>
                        </a:lnTo>
                        <a:lnTo>
                          <a:pt x="3052" y="415"/>
                        </a:lnTo>
                        <a:lnTo>
                          <a:pt x="3098" y="400"/>
                        </a:lnTo>
                        <a:lnTo>
                          <a:pt x="3152" y="377"/>
                        </a:lnTo>
                        <a:lnTo>
                          <a:pt x="3206" y="331"/>
                        </a:lnTo>
                        <a:lnTo>
                          <a:pt x="3260" y="238"/>
                        </a:lnTo>
                        <a:lnTo>
                          <a:pt x="3306" y="169"/>
                        </a:lnTo>
                        <a:lnTo>
                          <a:pt x="3360" y="123"/>
                        </a:lnTo>
                        <a:lnTo>
                          <a:pt x="3413" y="85"/>
                        </a:lnTo>
                        <a:lnTo>
                          <a:pt x="3460" y="46"/>
                        </a:lnTo>
                        <a:lnTo>
                          <a:pt x="3513" y="8"/>
                        </a:lnTo>
                        <a:lnTo>
                          <a:pt x="3567" y="0"/>
                        </a:lnTo>
                        <a:lnTo>
                          <a:pt x="3621" y="169"/>
                        </a:lnTo>
                      </a:path>
                    </a:pathLst>
                  </a:custGeom>
                  <a:noFill/>
                  <a:ln w="0">
                    <a:solidFill>
                      <a:schemeClr val="tx1"/>
                    </a:solidFill>
                    <a:prstDash val="solid"/>
                    <a:round/>
                    <a:headEnd/>
                    <a:tailEnd/>
                  </a:ln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263" name="Freeform 861"/>
                  <p:cNvSpPr>
                    <a:spLocks/>
                  </p:cNvSpPr>
                  <p:nvPr/>
                </p:nvSpPr>
                <p:spPr bwMode="auto">
                  <a:xfrm>
                    <a:off x="2028825" y="4789488"/>
                    <a:ext cx="5956300" cy="1330325"/>
                  </a:xfrm>
                  <a:custGeom>
                    <a:avLst/>
                    <a:gdLst/>
                    <a:ahLst/>
                    <a:cxnLst>
                      <a:cxn ang="0">
                        <a:pos x="46" y="554"/>
                      </a:cxn>
                      <a:cxn ang="0">
                        <a:pos x="154" y="554"/>
                      </a:cxn>
                      <a:cxn ang="0">
                        <a:pos x="254" y="546"/>
                      </a:cxn>
                      <a:cxn ang="0">
                        <a:pos x="362" y="546"/>
                      </a:cxn>
                      <a:cxn ang="0">
                        <a:pos x="461" y="539"/>
                      </a:cxn>
                      <a:cxn ang="0">
                        <a:pos x="569" y="531"/>
                      </a:cxn>
                      <a:cxn ang="0">
                        <a:pos x="669" y="516"/>
                      </a:cxn>
                      <a:cxn ang="0">
                        <a:pos x="769" y="500"/>
                      </a:cxn>
                      <a:cxn ang="0">
                        <a:pos x="877" y="485"/>
                      </a:cxn>
                      <a:cxn ang="0">
                        <a:pos x="977" y="462"/>
                      </a:cxn>
                      <a:cxn ang="0">
                        <a:pos x="1084" y="439"/>
                      </a:cxn>
                      <a:cxn ang="0">
                        <a:pos x="1184" y="416"/>
                      </a:cxn>
                      <a:cxn ang="0">
                        <a:pos x="1292" y="393"/>
                      </a:cxn>
                      <a:cxn ang="0">
                        <a:pos x="1392" y="369"/>
                      </a:cxn>
                      <a:cxn ang="0">
                        <a:pos x="1499" y="362"/>
                      </a:cxn>
                      <a:cxn ang="0">
                        <a:pos x="1599" y="362"/>
                      </a:cxn>
                      <a:cxn ang="0">
                        <a:pos x="1707" y="369"/>
                      </a:cxn>
                      <a:cxn ang="0">
                        <a:pos x="1807" y="393"/>
                      </a:cxn>
                      <a:cxn ang="0">
                        <a:pos x="1914" y="423"/>
                      </a:cxn>
                      <a:cxn ang="0">
                        <a:pos x="2014" y="454"/>
                      </a:cxn>
                      <a:cxn ang="0">
                        <a:pos x="2114" y="485"/>
                      </a:cxn>
                      <a:cxn ang="0">
                        <a:pos x="2222" y="508"/>
                      </a:cxn>
                      <a:cxn ang="0">
                        <a:pos x="2322" y="531"/>
                      </a:cxn>
                      <a:cxn ang="0">
                        <a:pos x="2429" y="539"/>
                      </a:cxn>
                      <a:cxn ang="0">
                        <a:pos x="2529" y="546"/>
                      </a:cxn>
                      <a:cxn ang="0">
                        <a:pos x="2637" y="546"/>
                      </a:cxn>
                      <a:cxn ang="0">
                        <a:pos x="2737" y="546"/>
                      </a:cxn>
                      <a:cxn ang="0">
                        <a:pos x="2845" y="531"/>
                      </a:cxn>
                      <a:cxn ang="0">
                        <a:pos x="2945" y="508"/>
                      </a:cxn>
                      <a:cxn ang="0">
                        <a:pos x="3052" y="485"/>
                      </a:cxn>
                      <a:cxn ang="0">
                        <a:pos x="3152" y="454"/>
                      </a:cxn>
                      <a:cxn ang="0">
                        <a:pos x="3260" y="416"/>
                      </a:cxn>
                      <a:cxn ang="0">
                        <a:pos x="3360" y="323"/>
                      </a:cxn>
                      <a:cxn ang="0">
                        <a:pos x="3460" y="147"/>
                      </a:cxn>
                      <a:cxn ang="0">
                        <a:pos x="3567" y="47"/>
                      </a:cxn>
                      <a:cxn ang="0">
                        <a:pos x="3667" y="85"/>
                      </a:cxn>
                      <a:cxn ang="0">
                        <a:pos x="3752" y="838"/>
                      </a:cxn>
                    </a:cxnLst>
                    <a:rect l="0" t="0" r="r" b="b"/>
                    <a:pathLst>
                      <a:path w="3752" h="838">
                        <a:moveTo>
                          <a:pt x="0" y="554"/>
                        </a:moveTo>
                        <a:lnTo>
                          <a:pt x="46" y="554"/>
                        </a:lnTo>
                        <a:lnTo>
                          <a:pt x="100" y="554"/>
                        </a:lnTo>
                        <a:lnTo>
                          <a:pt x="154" y="554"/>
                        </a:lnTo>
                        <a:lnTo>
                          <a:pt x="200" y="546"/>
                        </a:lnTo>
                        <a:lnTo>
                          <a:pt x="254" y="546"/>
                        </a:lnTo>
                        <a:lnTo>
                          <a:pt x="308" y="546"/>
                        </a:lnTo>
                        <a:lnTo>
                          <a:pt x="362" y="546"/>
                        </a:lnTo>
                        <a:lnTo>
                          <a:pt x="408" y="539"/>
                        </a:lnTo>
                        <a:lnTo>
                          <a:pt x="461" y="539"/>
                        </a:lnTo>
                        <a:lnTo>
                          <a:pt x="515" y="531"/>
                        </a:lnTo>
                        <a:lnTo>
                          <a:pt x="569" y="531"/>
                        </a:lnTo>
                        <a:lnTo>
                          <a:pt x="615" y="523"/>
                        </a:lnTo>
                        <a:lnTo>
                          <a:pt x="669" y="516"/>
                        </a:lnTo>
                        <a:lnTo>
                          <a:pt x="723" y="508"/>
                        </a:lnTo>
                        <a:lnTo>
                          <a:pt x="769" y="500"/>
                        </a:lnTo>
                        <a:lnTo>
                          <a:pt x="823" y="492"/>
                        </a:lnTo>
                        <a:lnTo>
                          <a:pt x="877" y="485"/>
                        </a:lnTo>
                        <a:lnTo>
                          <a:pt x="930" y="477"/>
                        </a:lnTo>
                        <a:lnTo>
                          <a:pt x="977" y="462"/>
                        </a:lnTo>
                        <a:lnTo>
                          <a:pt x="1030" y="454"/>
                        </a:lnTo>
                        <a:lnTo>
                          <a:pt x="1084" y="439"/>
                        </a:lnTo>
                        <a:lnTo>
                          <a:pt x="1138" y="423"/>
                        </a:lnTo>
                        <a:lnTo>
                          <a:pt x="1184" y="416"/>
                        </a:lnTo>
                        <a:lnTo>
                          <a:pt x="1238" y="400"/>
                        </a:lnTo>
                        <a:lnTo>
                          <a:pt x="1292" y="393"/>
                        </a:lnTo>
                        <a:lnTo>
                          <a:pt x="1338" y="377"/>
                        </a:lnTo>
                        <a:lnTo>
                          <a:pt x="1392" y="369"/>
                        </a:lnTo>
                        <a:lnTo>
                          <a:pt x="1445" y="362"/>
                        </a:lnTo>
                        <a:lnTo>
                          <a:pt x="1499" y="362"/>
                        </a:lnTo>
                        <a:lnTo>
                          <a:pt x="1545" y="354"/>
                        </a:lnTo>
                        <a:lnTo>
                          <a:pt x="1599" y="362"/>
                        </a:lnTo>
                        <a:lnTo>
                          <a:pt x="1653" y="362"/>
                        </a:lnTo>
                        <a:lnTo>
                          <a:pt x="1707" y="369"/>
                        </a:lnTo>
                        <a:lnTo>
                          <a:pt x="1753" y="377"/>
                        </a:lnTo>
                        <a:lnTo>
                          <a:pt x="1807" y="393"/>
                        </a:lnTo>
                        <a:lnTo>
                          <a:pt x="1861" y="408"/>
                        </a:lnTo>
                        <a:lnTo>
                          <a:pt x="1914" y="423"/>
                        </a:lnTo>
                        <a:lnTo>
                          <a:pt x="1961" y="439"/>
                        </a:lnTo>
                        <a:lnTo>
                          <a:pt x="2014" y="454"/>
                        </a:lnTo>
                        <a:lnTo>
                          <a:pt x="2068" y="469"/>
                        </a:lnTo>
                        <a:lnTo>
                          <a:pt x="2114" y="485"/>
                        </a:lnTo>
                        <a:lnTo>
                          <a:pt x="2168" y="500"/>
                        </a:lnTo>
                        <a:lnTo>
                          <a:pt x="2222" y="508"/>
                        </a:lnTo>
                        <a:lnTo>
                          <a:pt x="2276" y="523"/>
                        </a:lnTo>
                        <a:lnTo>
                          <a:pt x="2322" y="531"/>
                        </a:lnTo>
                        <a:lnTo>
                          <a:pt x="2376" y="539"/>
                        </a:lnTo>
                        <a:lnTo>
                          <a:pt x="2429" y="539"/>
                        </a:lnTo>
                        <a:lnTo>
                          <a:pt x="2483" y="546"/>
                        </a:lnTo>
                        <a:lnTo>
                          <a:pt x="2529" y="546"/>
                        </a:lnTo>
                        <a:lnTo>
                          <a:pt x="2583" y="546"/>
                        </a:lnTo>
                        <a:lnTo>
                          <a:pt x="2637" y="546"/>
                        </a:lnTo>
                        <a:lnTo>
                          <a:pt x="2683" y="546"/>
                        </a:lnTo>
                        <a:lnTo>
                          <a:pt x="2737" y="546"/>
                        </a:lnTo>
                        <a:lnTo>
                          <a:pt x="2791" y="539"/>
                        </a:lnTo>
                        <a:lnTo>
                          <a:pt x="2845" y="531"/>
                        </a:lnTo>
                        <a:lnTo>
                          <a:pt x="2891" y="523"/>
                        </a:lnTo>
                        <a:lnTo>
                          <a:pt x="2945" y="508"/>
                        </a:lnTo>
                        <a:lnTo>
                          <a:pt x="2998" y="500"/>
                        </a:lnTo>
                        <a:lnTo>
                          <a:pt x="3052" y="485"/>
                        </a:lnTo>
                        <a:lnTo>
                          <a:pt x="3098" y="469"/>
                        </a:lnTo>
                        <a:lnTo>
                          <a:pt x="3152" y="454"/>
                        </a:lnTo>
                        <a:lnTo>
                          <a:pt x="3206" y="431"/>
                        </a:lnTo>
                        <a:lnTo>
                          <a:pt x="3260" y="416"/>
                        </a:lnTo>
                        <a:lnTo>
                          <a:pt x="3306" y="385"/>
                        </a:lnTo>
                        <a:lnTo>
                          <a:pt x="3360" y="323"/>
                        </a:lnTo>
                        <a:lnTo>
                          <a:pt x="3413" y="223"/>
                        </a:lnTo>
                        <a:lnTo>
                          <a:pt x="3460" y="147"/>
                        </a:lnTo>
                        <a:lnTo>
                          <a:pt x="3513" y="100"/>
                        </a:lnTo>
                        <a:lnTo>
                          <a:pt x="3567" y="47"/>
                        </a:lnTo>
                        <a:lnTo>
                          <a:pt x="3621" y="0"/>
                        </a:lnTo>
                        <a:lnTo>
                          <a:pt x="3667" y="85"/>
                        </a:lnTo>
                        <a:lnTo>
                          <a:pt x="3721" y="400"/>
                        </a:lnTo>
                        <a:lnTo>
                          <a:pt x="3752" y="838"/>
                        </a:lnTo>
                      </a:path>
                    </a:pathLst>
                  </a:custGeom>
                  <a:noFill/>
                  <a:ln w="0">
                    <a:solidFill>
                      <a:schemeClr val="tx1"/>
                    </a:solidFill>
                    <a:prstDash val="solid"/>
                    <a:round/>
                    <a:headEnd/>
                    <a:tailEnd/>
                  </a:ln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264" name="Freeform 862"/>
                  <p:cNvSpPr>
                    <a:spLocks/>
                  </p:cNvSpPr>
                  <p:nvPr/>
                </p:nvSpPr>
                <p:spPr bwMode="auto">
                  <a:xfrm>
                    <a:off x="2028825" y="4827588"/>
                    <a:ext cx="6042025" cy="1292225"/>
                  </a:xfrm>
                  <a:custGeom>
                    <a:avLst/>
                    <a:gdLst/>
                    <a:ahLst/>
                    <a:cxnLst>
                      <a:cxn ang="0">
                        <a:pos x="46" y="645"/>
                      </a:cxn>
                      <a:cxn ang="0">
                        <a:pos x="154" y="645"/>
                      </a:cxn>
                      <a:cxn ang="0">
                        <a:pos x="254" y="638"/>
                      </a:cxn>
                      <a:cxn ang="0">
                        <a:pos x="362" y="638"/>
                      </a:cxn>
                      <a:cxn ang="0">
                        <a:pos x="461" y="630"/>
                      </a:cxn>
                      <a:cxn ang="0">
                        <a:pos x="569" y="622"/>
                      </a:cxn>
                      <a:cxn ang="0">
                        <a:pos x="669" y="607"/>
                      </a:cxn>
                      <a:cxn ang="0">
                        <a:pos x="769" y="591"/>
                      </a:cxn>
                      <a:cxn ang="0">
                        <a:pos x="877" y="576"/>
                      </a:cxn>
                      <a:cxn ang="0">
                        <a:pos x="977" y="553"/>
                      </a:cxn>
                      <a:cxn ang="0">
                        <a:pos x="1084" y="530"/>
                      </a:cxn>
                      <a:cxn ang="0">
                        <a:pos x="1184" y="507"/>
                      </a:cxn>
                      <a:cxn ang="0">
                        <a:pos x="1292" y="484"/>
                      </a:cxn>
                      <a:cxn ang="0">
                        <a:pos x="1392" y="461"/>
                      </a:cxn>
                      <a:cxn ang="0">
                        <a:pos x="1499" y="453"/>
                      </a:cxn>
                      <a:cxn ang="0">
                        <a:pos x="1599" y="445"/>
                      </a:cxn>
                      <a:cxn ang="0">
                        <a:pos x="1707" y="461"/>
                      </a:cxn>
                      <a:cxn ang="0">
                        <a:pos x="1807" y="484"/>
                      </a:cxn>
                      <a:cxn ang="0">
                        <a:pos x="1914" y="515"/>
                      </a:cxn>
                      <a:cxn ang="0">
                        <a:pos x="2014" y="545"/>
                      </a:cxn>
                      <a:cxn ang="0">
                        <a:pos x="2114" y="576"/>
                      </a:cxn>
                      <a:cxn ang="0">
                        <a:pos x="2222" y="599"/>
                      </a:cxn>
                      <a:cxn ang="0">
                        <a:pos x="2322" y="615"/>
                      </a:cxn>
                      <a:cxn ang="0">
                        <a:pos x="2429" y="630"/>
                      </a:cxn>
                      <a:cxn ang="0">
                        <a:pos x="2529" y="638"/>
                      </a:cxn>
                      <a:cxn ang="0">
                        <a:pos x="2637" y="638"/>
                      </a:cxn>
                      <a:cxn ang="0">
                        <a:pos x="2737" y="630"/>
                      </a:cxn>
                      <a:cxn ang="0">
                        <a:pos x="2845" y="615"/>
                      </a:cxn>
                      <a:cxn ang="0">
                        <a:pos x="2945" y="599"/>
                      </a:cxn>
                      <a:cxn ang="0">
                        <a:pos x="3052" y="576"/>
                      </a:cxn>
                      <a:cxn ang="0">
                        <a:pos x="3152" y="538"/>
                      </a:cxn>
                      <a:cxn ang="0">
                        <a:pos x="3260" y="499"/>
                      </a:cxn>
                      <a:cxn ang="0">
                        <a:pos x="3360" y="445"/>
                      </a:cxn>
                      <a:cxn ang="0">
                        <a:pos x="3460" y="376"/>
                      </a:cxn>
                      <a:cxn ang="0">
                        <a:pos x="3567" y="192"/>
                      </a:cxn>
                      <a:cxn ang="0">
                        <a:pos x="3667" y="0"/>
                      </a:cxn>
                      <a:cxn ang="0">
                        <a:pos x="3775" y="545"/>
                      </a:cxn>
                    </a:cxnLst>
                    <a:rect l="0" t="0" r="r" b="b"/>
                    <a:pathLst>
                      <a:path w="3806" h="814">
                        <a:moveTo>
                          <a:pt x="0" y="645"/>
                        </a:moveTo>
                        <a:lnTo>
                          <a:pt x="46" y="645"/>
                        </a:lnTo>
                        <a:lnTo>
                          <a:pt x="100" y="645"/>
                        </a:lnTo>
                        <a:lnTo>
                          <a:pt x="154" y="645"/>
                        </a:lnTo>
                        <a:lnTo>
                          <a:pt x="200" y="638"/>
                        </a:lnTo>
                        <a:lnTo>
                          <a:pt x="254" y="638"/>
                        </a:lnTo>
                        <a:lnTo>
                          <a:pt x="308" y="638"/>
                        </a:lnTo>
                        <a:lnTo>
                          <a:pt x="362" y="638"/>
                        </a:lnTo>
                        <a:lnTo>
                          <a:pt x="408" y="630"/>
                        </a:lnTo>
                        <a:lnTo>
                          <a:pt x="461" y="630"/>
                        </a:lnTo>
                        <a:lnTo>
                          <a:pt x="515" y="622"/>
                        </a:lnTo>
                        <a:lnTo>
                          <a:pt x="569" y="622"/>
                        </a:lnTo>
                        <a:lnTo>
                          <a:pt x="615" y="615"/>
                        </a:lnTo>
                        <a:lnTo>
                          <a:pt x="669" y="607"/>
                        </a:lnTo>
                        <a:lnTo>
                          <a:pt x="723" y="599"/>
                        </a:lnTo>
                        <a:lnTo>
                          <a:pt x="769" y="591"/>
                        </a:lnTo>
                        <a:lnTo>
                          <a:pt x="823" y="584"/>
                        </a:lnTo>
                        <a:lnTo>
                          <a:pt x="877" y="576"/>
                        </a:lnTo>
                        <a:lnTo>
                          <a:pt x="930" y="568"/>
                        </a:lnTo>
                        <a:lnTo>
                          <a:pt x="977" y="553"/>
                        </a:lnTo>
                        <a:lnTo>
                          <a:pt x="1030" y="545"/>
                        </a:lnTo>
                        <a:lnTo>
                          <a:pt x="1084" y="530"/>
                        </a:lnTo>
                        <a:lnTo>
                          <a:pt x="1138" y="515"/>
                        </a:lnTo>
                        <a:lnTo>
                          <a:pt x="1184" y="507"/>
                        </a:lnTo>
                        <a:lnTo>
                          <a:pt x="1238" y="492"/>
                        </a:lnTo>
                        <a:lnTo>
                          <a:pt x="1292" y="484"/>
                        </a:lnTo>
                        <a:lnTo>
                          <a:pt x="1338" y="468"/>
                        </a:lnTo>
                        <a:lnTo>
                          <a:pt x="1392" y="461"/>
                        </a:lnTo>
                        <a:lnTo>
                          <a:pt x="1445" y="453"/>
                        </a:lnTo>
                        <a:lnTo>
                          <a:pt x="1499" y="453"/>
                        </a:lnTo>
                        <a:lnTo>
                          <a:pt x="1545" y="445"/>
                        </a:lnTo>
                        <a:lnTo>
                          <a:pt x="1599" y="445"/>
                        </a:lnTo>
                        <a:lnTo>
                          <a:pt x="1653" y="453"/>
                        </a:lnTo>
                        <a:lnTo>
                          <a:pt x="1707" y="461"/>
                        </a:lnTo>
                        <a:lnTo>
                          <a:pt x="1753" y="468"/>
                        </a:lnTo>
                        <a:lnTo>
                          <a:pt x="1807" y="484"/>
                        </a:lnTo>
                        <a:lnTo>
                          <a:pt x="1861" y="499"/>
                        </a:lnTo>
                        <a:lnTo>
                          <a:pt x="1914" y="515"/>
                        </a:lnTo>
                        <a:lnTo>
                          <a:pt x="1961" y="530"/>
                        </a:lnTo>
                        <a:lnTo>
                          <a:pt x="2014" y="545"/>
                        </a:lnTo>
                        <a:lnTo>
                          <a:pt x="2068" y="561"/>
                        </a:lnTo>
                        <a:lnTo>
                          <a:pt x="2114" y="576"/>
                        </a:lnTo>
                        <a:lnTo>
                          <a:pt x="2168" y="584"/>
                        </a:lnTo>
                        <a:lnTo>
                          <a:pt x="2222" y="599"/>
                        </a:lnTo>
                        <a:lnTo>
                          <a:pt x="2276" y="607"/>
                        </a:lnTo>
                        <a:lnTo>
                          <a:pt x="2322" y="615"/>
                        </a:lnTo>
                        <a:lnTo>
                          <a:pt x="2376" y="622"/>
                        </a:lnTo>
                        <a:lnTo>
                          <a:pt x="2429" y="630"/>
                        </a:lnTo>
                        <a:lnTo>
                          <a:pt x="2483" y="638"/>
                        </a:lnTo>
                        <a:lnTo>
                          <a:pt x="2529" y="638"/>
                        </a:lnTo>
                        <a:lnTo>
                          <a:pt x="2583" y="638"/>
                        </a:lnTo>
                        <a:lnTo>
                          <a:pt x="2637" y="638"/>
                        </a:lnTo>
                        <a:lnTo>
                          <a:pt x="2683" y="638"/>
                        </a:lnTo>
                        <a:lnTo>
                          <a:pt x="2737" y="630"/>
                        </a:lnTo>
                        <a:lnTo>
                          <a:pt x="2791" y="622"/>
                        </a:lnTo>
                        <a:lnTo>
                          <a:pt x="2845" y="615"/>
                        </a:lnTo>
                        <a:lnTo>
                          <a:pt x="2891" y="607"/>
                        </a:lnTo>
                        <a:lnTo>
                          <a:pt x="2945" y="599"/>
                        </a:lnTo>
                        <a:lnTo>
                          <a:pt x="2998" y="584"/>
                        </a:lnTo>
                        <a:lnTo>
                          <a:pt x="3052" y="576"/>
                        </a:lnTo>
                        <a:lnTo>
                          <a:pt x="3098" y="561"/>
                        </a:lnTo>
                        <a:lnTo>
                          <a:pt x="3152" y="538"/>
                        </a:lnTo>
                        <a:lnTo>
                          <a:pt x="3206" y="522"/>
                        </a:lnTo>
                        <a:lnTo>
                          <a:pt x="3260" y="499"/>
                        </a:lnTo>
                        <a:lnTo>
                          <a:pt x="3306" y="476"/>
                        </a:lnTo>
                        <a:lnTo>
                          <a:pt x="3360" y="445"/>
                        </a:lnTo>
                        <a:lnTo>
                          <a:pt x="3413" y="415"/>
                        </a:lnTo>
                        <a:lnTo>
                          <a:pt x="3460" y="376"/>
                        </a:lnTo>
                        <a:lnTo>
                          <a:pt x="3513" y="299"/>
                        </a:lnTo>
                        <a:lnTo>
                          <a:pt x="3567" y="192"/>
                        </a:lnTo>
                        <a:lnTo>
                          <a:pt x="3621" y="69"/>
                        </a:lnTo>
                        <a:lnTo>
                          <a:pt x="3667" y="0"/>
                        </a:lnTo>
                        <a:lnTo>
                          <a:pt x="3721" y="123"/>
                        </a:lnTo>
                        <a:lnTo>
                          <a:pt x="3775" y="545"/>
                        </a:lnTo>
                        <a:lnTo>
                          <a:pt x="3806" y="814"/>
                        </a:lnTo>
                      </a:path>
                    </a:pathLst>
                  </a:custGeom>
                  <a:noFill/>
                  <a:ln w="0">
                    <a:solidFill>
                      <a:schemeClr val="tx1"/>
                    </a:solidFill>
                    <a:prstDash val="solid"/>
                    <a:round/>
                    <a:headEnd/>
                    <a:tailEnd/>
                  </a:ln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</p:grpSp>
          </p:grpSp>
        </p:grpSp>
      </p:grpSp>
      <p:sp>
        <p:nvSpPr>
          <p:cNvPr id="265" name="Title 1"/>
          <p:cNvSpPr txBox="1">
            <a:spLocks/>
          </p:cNvSpPr>
          <p:nvPr/>
        </p:nvSpPr>
        <p:spPr bwMode="auto">
          <a:xfrm>
            <a:off x="2632963" y="-53497"/>
            <a:ext cx="8208912" cy="90872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  <a:norm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da-DK" sz="3600" b="1" kern="0" dirty="0" err="1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  <a:latin typeface="+mj-lt"/>
                <a:ea typeface="+mj-ea"/>
                <a:cs typeface="+mj-cs"/>
              </a:rPr>
              <a:t>Ecosystem</a:t>
            </a:r>
            <a:r>
              <a:rPr lang="da-DK" sz="3600" b="1" kern="0" dirty="0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  <a:latin typeface="+mj-lt"/>
                <a:ea typeface="+mj-ea"/>
                <a:cs typeface="+mj-cs"/>
              </a:rPr>
              <a:t> </a:t>
            </a:r>
            <a:r>
              <a:rPr lang="da-DK" sz="3600" b="1" kern="0" dirty="0" err="1">
                <a:effectLst>
                  <a:outerShdw blurRad="50800" dist="38100" dir="2700000" algn="tl" rotWithShape="0">
                    <a:prstClr val="black">
                      <a:alpha val="40000"/>
                    </a:prstClr>
                  </a:outerShdw>
                </a:effectLst>
                <a:latin typeface="+mj-lt"/>
                <a:ea typeface="+mj-ea"/>
                <a:cs typeface="+mj-cs"/>
              </a:rPr>
              <a:t>effects</a:t>
            </a:r>
            <a:endParaRPr kumimoji="0" lang="en-US" sz="3600" b="1" i="0" u="none" strike="noStrike" kern="0" cap="none" spc="0" normalizeH="0" baseline="0" noProof="0" dirty="0">
              <a:ln>
                <a:noFill/>
              </a:ln>
              <a:solidFill>
                <a:schemeClr val="tx1"/>
              </a:solidFill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  <a:uLnTx/>
              <a:uFillTx/>
              <a:latin typeface="+mj-lt"/>
              <a:ea typeface="+mj-ea"/>
              <a:cs typeface="+mj-cs"/>
            </a:endParaRPr>
          </a:p>
        </p:txBody>
      </p:sp>
      <p:sp>
        <p:nvSpPr>
          <p:cNvPr id="267" name="Rectangle 875">
            <a:extLst>
              <a:ext uri="{FF2B5EF4-FFF2-40B4-BE49-F238E27FC236}">
                <a16:creationId xmlns:a16="http://schemas.microsoft.com/office/drawing/2014/main" id="{793D0CFA-1EDF-7843-ACE8-289F51ED4AB3}"/>
              </a:ext>
            </a:extLst>
          </p:cNvPr>
          <p:cNvSpPr>
            <a:spLocks noChangeArrowheads="1"/>
          </p:cNvSpPr>
          <p:nvPr/>
        </p:nvSpPr>
        <p:spPr bwMode="auto">
          <a:xfrm>
            <a:off x="886817" y="6400584"/>
            <a:ext cx="3072034" cy="307777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sz="2000" dirty="0">
                <a:latin typeface="Helvetica" charset="0"/>
              </a:rPr>
              <a:t>Individual w</a:t>
            </a:r>
            <a:r>
              <a:rPr kumimoji="0" lang="en-US" sz="2000" b="0" i="0" u="none" strike="noStrike" cap="none" normalizeH="0" baseline="0" dirty="0">
                <a:ln>
                  <a:noFill/>
                </a:ln>
                <a:effectLst/>
                <a:latin typeface="Helvetica" charset="0"/>
              </a:rPr>
              <a:t>eight</a:t>
            </a:r>
            <a:endParaRPr kumimoji="0" lang="en-US" sz="2000" b="0" i="0" u="none" strike="noStrike" cap="none" normalizeH="0" baseline="0" dirty="0">
              <a:ln>
                <a:noFill/>
              </a:ln>
              <a:effectLst/>
              <a:latin typeface="Arial" pitchFamily="34" charset="0"/>
            </a:endParaRPr>
          </a:p>
        </p:txBody>
      </p:sp>
      <p:sp>
        <p:nvSpPr>
          <p:cNvPr id="268" name="TextBox 267">
            <a:extLst>
              <a:ext uri="{FF2B5EF4-FFF2-40B4-BE49-F238E27FC236}">
                <a16:creationId xmlns:a16="http://schemas.microsoft.com/office/drawing/2014/main" id="{16B0BAA9-3EAC-E041-B76E-2F9D80FC0EA3}"/>
              </a:ext>
            </a:extLst>
          </p:cNvPr>
          <p:cNvSpPr txBox="1"/>
          <p:nvPr/>
        </p:nvSpPr>
        <p:spPr>
          <a:xfrm>
            <a:off x="4516396" y="6579093"/>
            <a:ext cx="3663311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i="1" dirty="0"/>
              <a:t>Andersen and Pedersen, Proc. Roy. Soc. London B (2010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93192937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2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9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dissolve">
                                      <p:cBhvr>
                                        <p:cTn id="18" dur="500"/>
                                        <p:tgtEl>
                                          <p:spTgt spid="23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2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2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2" fill="hold">
                      <p:stCondLst>
                        <p:cond delay="indefinite"/>
                      </p:stCondLst>
                      <p:childTnLst>
                        <p:par>
                          <p:cTn id="33" fill="hold">
                            <p:stCondLst>
                              <p:cond delay="0"/>
                            </p:stCondLst>
                            <p:childTnLst>
                              <p:par>
                                <p:cTn id="34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2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6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8" presetID="1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0" fill="hold">
                      <p:stCondLst>
                        <p:cond delay="indefinite"/>
                      </p:stCondLst>
                      <p:childTnLst>
                        <p:par>
                          <p:cTn id="41" fill="hold">
                            <p:stCondLst>
                              <p:cond delay="0"/>
                            </p:stCondLst>
                            <p:childTnLst>
                              <p:par>
                                <p:cTn id="42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8273" grpId="0" animBg="1"/>
      <p:bldP spid="18277" grpId="0" animBg="1"/>
      <p:bldP spid="18281" grpId="0" animBg="1"/>
      <p:bldP spid="265" grpId="0"/>
      <p:bldP spid="265" grpId="1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1560" y="-171400"/>
            <a:ext cx="7772400" cy="1143000"/>
          </a:xfrm>
        </p:spPr>
        <p:txBody>
          <a:bodyPr/>
          <a:lstStyle/>
          <a:p>
            <a:r>
              <a:rPr lang="en-US" b="1" dirty="0"/>
              <a:t>Web-based simulation:</a:t>
            </a:r>
            <a:br>
              <a:rPr lang="en-US" dirty="0"/>
            </a:br>
            <a:r>
              <a:rPr lang="en-US" b="0" dirty="0"/>
              <a:t>http://</a:t>
            </a:r>
            <a:r>
              <a:rPr lang="en-US" b="0" dirty="0" err="1"/>
              <a:t>oceanlife.dtuaqua.dk</a:t>
            </a:r>
            <a:r>
              <a:rPr lang="en-US" b="0" dirty="0"/>
              <a:t>/</a:t>
            </a:r>
            <a:r>
              <a:rPr lang="en-US" b="0" dirty="0" err="1"/>
              <a:t>cspectrum</a:t>
            </a:r>
            <a:endParaRPr lang="en-US" b="0" dirty="0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411760" y="1268760"/>
            <a:ext cx="4572744" cy="5055325"/>
          </a:xfrm>
          <a:prstGeom prst="rect">
            <a:avLst/>
          </a:prstGeom>
          <a:effectLst>
            <a:outerShdw blurRad="50800" dist="38100" dir="8100000" algn="tr" rotWithShape="0">
              <a:prstClr val="black">
                <a:alpha val="40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2793152692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8" name="Rectangle 337">
            <a:extLst>
              <a:ext uri="{FF2B5EF4-FFF2-40B4-BE49-F238E27FC236}">
                <a16:creationId xmlns:a16="http://schemas.microsoft.com/office/drawing/2014/main" id="{94E94082-55A6-0D4D-AA79-9572E76FF819}"/>
              </a:ext>
            </a:extLst>
          </p:cNvPr>
          <p:cNvSpPr/>
          <p:nvPr/>
        </p:nvSpPr>
        <p:spPr bwMode="auto">
          <a:xfrm>
            <a:off x="1797146" y="104911"/>
            <a:ext cx="483566" cy="1792042"/>
          </a:xfrm>
          <a:prstGeom prst="rect">
            <a:avLst/>
          </a:prstGeom>
          <a:solidFill>
            <a:schemeClr val="bg1">
              <a:lumMod val="75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327" name="Freeform 326">
            <a:extLst>
              <a:ext uri="{FF2B5EF4-FFF2-40B4-BE49-F238E27FC236}">
                <a16:creationId xmlns:a16="http://schemas.microsoft.com/office/drawing/2014/main" id="{D97F8849-F323-1548-9E29-0668FDEEADDD}"/>
              </a:ext>
            </a:extLst>
          </p:cNvPr>
          <p:cNvSpPr/>
          <p:nvPr/>
        </p:nvSpPr>
        <p:spPr bwMode="auto">
          <a:xfrm>
            <a:off x="1403648" y="715856"/>
            <a:ext cx="4087368" cy="1143665"/>
          </a:xfrm>
          <a:custGeom>
            <a:avLst/>
            <a:gdLst>
              <a:gd name="connsiteX0" fmla="*/ 0 w 4087368"/>
              <a:gd name="connsiteY0" fmla="*/ 1143000 h 1143665"/>
              <a:gd name="connsiteX1" fmla="*/ 265176 w 4087368"/>
              <a:gd name="connsiteY1" fmla="*/ 1115568 h 1143665"/>
              <a:gd name="connsiteX2" fmla="*/ 384048 w 4087368"/>
              <a:gd name="connsiteY2" fmla="*/ 960120 h 1143665"/>
              <a:gd name="connsiteX3" fmla="*/ 630936 w 4087368"/>
              <a:gd name="connsiteY3" fmla="*/ 704088 h 1143665"/>
              <a:gd name="connsiteX4" fmla="*/ 1115568 w 4087368"/>
              <a:gd name="connsiteY4" fmla="*/ 457200 h 1143665"/>
              <a:gd name="connsiteX5" fmla="*/ 1828800 w 4087368"/>
              <a:gd name="connsiteY5" fmla="*/ 283464 h 1143665"/>
              <a:gd name="connsiteX6" fmla="*/ 2560320 w 4087368"/>
              <a:gd name="connsiteY6" fmla="*/ 192024 h 1143665"/>
              <a:gd name="connsiteX7" fmla="*/ 3364992 w 4087368"/>
              <a:gd name="connsiteY7" fmla="*/ 82296 h 1143665"/>
              <a:gd name="connsiteX8" fmla="*/ 4087368 w 4087368"/>
              <a:gd name="connsiteY8" fmla="*/ 0 h 114366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4087368" h="1143665">
                <a:moveTo>
                  <a:pt x="0" y="1143000"/>
                </a:moveTo>
                <a:cubicBezTo>
                  <a:pt x="100584" y="1144524"/>
                  <a:pt x="201168" y="1146048"/>
                  <a:pt x="265176" y="1115568"/>
                </a:cubicBezTo>
                <a:cubicBezTo>
                  <a:pt x="329184" y="1085088"/>
                  <a:pt x="323088" y="1028700"/>
                  <a:pt x="384048" y="960120"/>
                </a:cubicBezTo>
                <a:cubicBezTo>
                  <a:pt x="445008" y="891540"/>
                  <a:pt x="509016" y="787908"/>
                  <a:pt x="630936" y="704088"/>
                </a:cubicBezTo>
                <a:cubicBezTo>
                  <a:pt x="752856" y="620268"/>
                  <a:pt x="915924" y="527304"/>
                  <a:pt x="1115568" y="457200"/>
                </a:cubicBezTo>
                <a:cubicBezTo>
                  <a:pt x="1315212" y="387096"/>
                  <a:pt x="1588008" y="327660"/>
                  <a:pt x="1828800" y="283464"/>
                </a:cubicBezTo>
                <a:cubicBezTo>
                  <a:pt x="2069592" y="239268"/>
                  <a:pt x="2560320" y="192024"/>
                  <a:pt x="2560320" y="192024"/>
                </a:cubicBezTo>
                <a:lnTo>
                  <a:pt x="3364992" y="82296"/>
                </a:lnTo>
                <a:cubicBezTo>
                  <a:pt x="3619500" y="50292"/>
                  <a:pt x="3853434" y="25146"/>
                  <a:pt x="4087368" y="0"/>
                </a:cubicBezTo>
              </a:path>
            </a:pathLst>
          </a:custGeom>
          <a:noFill/>
          <a:ln w="50800" cap="flat" cmpd="sng" algn="ctr">
            <a:solidFill>
              <a:schemeClr val="tx2">
                <a:lumMod val="60000"/>
                <a:lumOff val="4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326" name="Freeform 325">
            <a:extLst>
              <a:ext uri="{FF2B5EF4-FFF2-40B4-BE49-F238E27FC236}">
                <a16:creationId xmlns:a16="http://schemas.microsoft.com/office/drawing/2014/main" id="{A3E67579-97B3-E149-9191-87667F493FBD}"/>
              </a:ext>
            </a:extLst>
          </p:cNvPr>
          <p:cNvSpPr/>
          <p:nvPr/>
        </p:nvSpPr>
        <p:spPr bwMode="auto">
          <a:xfrm>
            <a:off x="1399990" y="254027"/>
            <a:ext cx="2984602" cy="1595686"/>
          </a:xfrm>
          <a:custGeom>
            <a:avLst/>
            <a:gdLst>
              <a:gd name="connsiteX0" fmla="*/ 0 w 2984602"/>
              <a:gd name="connsiteY0" fmla="*/ 1554487 h 1613009"/>
              <a:gd name="connsiteX1" fmla="*/ 197511 w 2984602"/>
              <a:gd name="connsiteY1" fmla="*/ 874174 h 1613009"/>
              <a:gd name="connsiteX2" fmla="*/ 651053 w 2984602"/>
              <a:gd name="connsiteY2" fmla="*/ 98763 h 1613009"/>
              <a:gd name="connsiteX3" fmla="*/ 826618 w 2984602"/>
              <a:gd name="connsiteY3" fmla="*/ 25611 h 1613009"/>
              <a:gd name="connsiteX4" fmla="*/ 1075335 w 2984602"/>
              <a:gd name="connsiteY4" fmla="*/ 237751 h 1613009"/>
              <a:gd name="connsiteX5" fmla="*/ 1704442 w 2984602"/>
              <a:gd name="connsiteY5" fmla="*/ 844913 h 1613009"/>
              <a:gd name="connsiteX6" fmla="*/ 2604212 w 2984602"/>
              <a:gd name="connsiteY6" fmla="*/ 1408183 h 1613009"/>
              <a:gd name="connsiteX7" fmla="*/ 2984602 w 2984602"/>
              <a:gd name="connsiteY7" fmla="*/ 1613009 h 1613009"/>
              <a:gd name="connsiteX0" fmla="*/ 0 w 2984602"/>
              <a:gd name="connsiteY0" fmla="*/ 1560724 h 1619246"/>
              <a:gd name="connsiteX1" fmla="*/ 197511 w 2984602"/>
              <a:gd name="connsiteY1" fmla="*/ 880411 h 1619246"/>
              <a:gd name="connsiteX2" fmla="*/ 472923 w 2984602"/>
              <a:gd name="connsiteY2" fmla="*/ 93124 h 1619246"/>
              <a:gd name="connsiteX3" fmla="*/ 826618 w 2984602"/>
              <a:gd name="connsiteY3" fmla="*/ 31848 h 1619246"/>
              <a:gd name="connsiteX4" fmla="*/ 1075335 w 2984602"/>
              <a:gd name="connsiteY4" fmla="*/ 243988 h 1619246"/>
              <a:gd name="connsiteX5" fmla="*/ 1704442 w 2984602"/>
              <a:gd name="connsiteY5" fmla="*/ 851150 h 1619246"/>
              <a:gd name="connsiteX6" fmla="*/ 2604212 w 2984602"/>
              <a:gd name="connsiteY6" fmla="*/ 1414420 h 1619246"/>
              <a:gd name="connsiteX7" fmla="*/ 2984602 w 2984602"/>
              <a:gd name="connsiteY7" fmla="*/ 1619246 h 1619246"/>
              <a:gd name="connsiteX0" fmla="*/ 0 w 2984602"/>
              <a:gd name="connsiteY0" fmla="*/ 1551067 h 1609589"/>
              <a:gd name="connsiteX1" fmla="*/ 197511 w 2984602"/>
              <a:gd name="connsiteY1" fmla="*/ 870754 h 1609589"/>
              <a:gd name="connsiteX2" fmla="*/ 472923 w 2984602"/>
              <a:gd name="connsiteY2" fmla="*/ 83467 h 1609589"/>
              <a:gd name="connsiteX3" fmla="*/ 624738 w 2984602"/>
              <a:gd name="connsiteY3" fmla="*/ 40004 h 1609589"/>
              <a:gd name="connsiteX4" fmla="*/ 1075335 w 2984602"/>
              <a:gd name="connsiteY4" fmla="*/ 234331 h 1609589"/>
              <a:gd name="connsiteX5" fmla="*/ 1704442 w 2984602"/>
              <a:gd name="connsiteY5" fmla="*/ 841493 h 1609589"/>
              <a:gd name="connsiteX6" fmla="*/ 2604212 w 2984602"/>
              <a:gd name="connsiteY6" fmla="*/ 1404763 h 1609589"/>
              <a:gd name="connsiteX7" fmla="*/ 2984602 w 2984602"/>
              <a:gd name="connsiteY7" fmla="*/ 1609589 h 1609589"/>
              <a:gd name="connsiteX0" fmla="*/ 0 w 2984602"/>
              <a:gd name="connsiteY0" fmla="*/ 1558126 h 1616648"/>
              <a:gd name="connsiteX1" fmla="*/ 197511 w 2984602"/>
              <a:gd name="connsiteY1" fmla="*/ 877813 h 1616648"/>
              <a:gd name="connsiteX2" fmla="*/ 472923 w 2984602"/>
              <a:gd name="connsiteY2" fmla="*/ 90526 h 1616648"/>
              <a:gd name="connsiteX3" fmla="*/ 624738 w 2984602"/>
              <a:gd name="connsiteY3" fmla="*/ 47063 h 1616648"/>
              <a:gd name="connsiteX4" fmla="*/ 998145 w 2984602"/>
              <a:gd name="connsiteY4" fmla="*/ 360143 h 1616648"/>
              <a:gd name="connsiteX5" fmla="*/ 1704442 w 2984602"/>
              <a:gd name="connsiteY5" fmla="*/ 848552 h 1616648"/>
              <a:gd name="connsiteX6" fmla="*/ 2604212 w 2984602"/>
              <a:gd name="connsiteY6" fmla="*/ 1411822 h 1616648"/>
              <a:gd name="connsiteX7" fmla="*/ 2984602 w 2984602"/>
              <a:gd name="connsiteY7" fmla="*/ 1616648 h 1616648"/>
              <a:gd name="connsiteX0" fmla="*/ 0 w 2984602"/>
              <a:gd name="connsiteY0" fmla="*/ 1537441 h 1595963"/>
              <a:gd name="connsiteX1" fmla="*/ 197511 w 2984602"/>
              <a:gd name="connsiteY1" fmla="*/ 857128 h 1595963"/>
              <a:gd name="connsiteX2" fmla="*/ 377920 w 2984602"/>
              <a:gd name="connsiteY2" fmla="*/ 111405 h 1595963"/>
              <a:gd name="connsiteX3" fmla="*/ 624738 w 2984602"/>
              <a:gd name="connsiteY3" fmla="*/ 26378 h 1595963"/>
              <a:gd name="connsiteX4" fmla="*/ 998145 w 2984602"/>
              <a:gd name="connsiteY4" fmla="*/ 339458 h 1595963"/>
              <a:gd name="connsiteX5" fmla="*/ 1704442 w 2984602"/>
              <a:gd name="connsiteY5" fmla="*/ 827867 h 1595963"/>
              <a:gd name="connsiteX6" fmla="*/ 2604212 w 2984602"/>
              <a:gd name="connsiteY6" fmla="*/ 1391137 h 1595963"/>
              <a:gd name="connsiteX7" fmla="*/ 2984602 w 2984602"/>
              <a:gd name="connsiteY7" fmla="*/ 1595963 h 1595963"/>
              <a:gd name="connsiteX0" fmla="*/ 0 w 2984602"/>
              <a:gd name="connsiteY0" fmla="*/ 1537164 h 1595686"/>
              <a:gd name="connsiteX1" fmla="*/ 150010 w 2984602"/>
              <a:gd name="connsiteY1" fmla="*/ 850913 h 1595686"/>
              <a:gd name="connsiteX2" fmla="*/ 377920 w 2984602"/>
              <a:gd name="connsiteY2" fmla="*/ 111128 h 1595686"/>
              <a:gd name="connsiteX3" fmla="*/ 624738 w 2984602"/>
              <a:gd name="connsiteY3" fmla="*/ 26101 h 1595686"/>
              <a:gd name="connsiteX4" fmla="*/ 998145 w 2984602"/>
              <a:gd name="connsiteY4" fmla="*/ 339181 h 1595686"/>
              <a:gd name="connsiteX5" fmla="*/ 1704442 w 2984602"/>
              <a:gd name="connsiteY5" fmla="*/ 827590 h 1595686"/>
              <a:gd name="connsiteX6" fmla="*/ 2604212 w 2984602"/>
              <a:gd name="connsiteY6" fmla="*/ 1390860 h 1595686"/>
              <a:gd name="connsiteX7" fmla="*/ 2984602 w 2984602"/>
              <a:gd name="connsiteY7" fmla="*/ 1595686 h 159568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2984602" h="1595686">
                <a:moveTo>
                  <a:pt x="0" y="1537164"/>
                </a:moveTo>
                <a:cubicBezTo>
                  <a:pt x="44501" y="1318318"/>
                  <a:pt x="87023" y="1088586"/>
                  <a:pt x="150010" y="850913"/>
                </a:cubicBezTo>
                <a:cubicBezTo>
                  <a:pt x="212997" y="613240"/>
                  <a:pt x="298799" y="248597"/>
                  <a:pt x="377920" y="111128"/>
                </a:cubicBezTo>
                <a:cubicBezTo>
                  <a:pt x="457041" y="-26341"/>
                  <a:pt x="521367" y="-11908"/>
                  <a:pt x="624738" y="26101"/>
                </a:cubicBezTo>
                <a:cubicBezTo>
                  <a:pt x="728109" y="64110"/>
                  <a:pt x="818194" y="205600"/>
                  <a:pt x="998145" y="339181"/>
                </a:cubicBezTo>
                <a:cubicBezTo>
                  <a:pt x="1178096" y="472763"/>
                  <a:pt x="1436764" y="652310"/>
                  <a:pt x="1704442" y="827590"/>
                </a:cubicBezTo>
                <a:cubicBezTo>
                  <a:pt x="1972120" y="1002870"/>
                  <a:pt x="2390852" y="1262844"/>
                  <a:pt x="2604212" y="1390860"/>
                </a:cubicBezTo>
                <a:cubicBezTo>
                  <a:pt x="2817572" y="1518876"/>
                  <a:pt x="2901087" y="1557281"/>
                  <a:pt x="2984602" y="1595686"/>
                </a:cubicBezTo>
              </a:path>
            </a:pathLst>
          </a:custGeom>
          <a:noFill/>
          <a:ln w="50800" cap="flat" cmpd="sng" algn="ctr">
            <a:solidFill>
              <a:schemeClr val="accent2">
                <a:lumMod val="5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318" name="Rectangle 317">
            <a:extLst>
              <a:ext uri="{FF2B5EF4-FFF2-40B4-BE49-F238E27FC236}">
                <a16:creationId xmlns:a16="http://schemas.microsoft.com/office/drawing/2014/main" id="{90DAEC1B-3026-0145-9120-AB81B831729C}"/>
              </a:ext>
            </a:extLst>
          </p:cNvPr>
          <p:cNvSpPr/>
          <p:nvPr/>
        </p:nvSpPr>
        <p:spPr bwMode="auto">
          <a:xfrm>
            <a:off x="979458" y="6482118"/>
            <a:ext cx="2696323" cy="264369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5" name="Date_CustomB"/>
          <p:cNvSpPr>
            <a:spLocks noGrp="1"/>
          </p:cNvSpPr>
          <p:nvPr>
            <p:ph type="dt" sz="half" idx="10"/>
          </p:nvPr>
        </p:nvSpPr>
        <p:spPr>
          <a:xfrm>
            <a:off x="5553848" y="6534487"/>
            <a:ext cx="1436400" cy="306000"/>
          </a:xfrm>
        </p:spPr>
        <p:txBody>
          <a:bodyPr/>
          <a:lstStyle/>
          <a:p>
            <a:r>
              <a:rPr lang="en-GB" dirty="0"/>
              <a:t>10 October 2018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-784816" y="6534488"/>
            <a:ext cx="306000" cy="306000"/>
          </a:xfrm>
        </p:spPr>
        <p:txBody>
          <a:bodyPr/>
          <a:lstStyle/>
          <a:p>
            <a:fld id="{103EA872-A674-449B-A120-B97244F8E91D}" type="slidenum">
              <a:rPr lang="en-GB" smtClean="0"/>
              <a:pPr/>
              <a:t>8</a:t>
            </a:fld>
            <a:endParaRPr lang="en-GB"/>
          </a:p>
        </p:txBody>
      </p:sp>
      <p:sp>
        <p:nvSpPr>
          <p:cNvPr id="2" name="FLD_Presentation Title"/>
          <p:cNvSpPr>
            <a:spLocks noGrp="1"/>
          </p:cNvSpPr>
          <p:nvPr>
            <p:ph type="ftr" sz="quarter" idx="11"/>
          </p:nvPr>
        </p:nvSpPr>
        <p:spPr>
          <a:xfrm>
            <a:off x="3824597" y="6534488"/>
            <a:ext cx="1729252" cy="306000"/>
          </a:xfrm>
        </p:spPr>
        <p:txBody>
          <a:bodyPr/>
          <a:lstStyle/>
          <a:p>
            <a:r>
              <a:rPr lang="en-GB" dirty="0"/>
              <a:t>Trade-offs</a:t>
            </a:r>
          </a:p>
        </p:txBody>
      </p:sp>
      <p:grpSp>
        <p:nvGrpSpPr>
          <p:cNvPr id="328" name="Group 327">
            <a:extLst>
              <a:ext uri="{FF2B5EF4-FFF2-40B4-BE49-F238E27FC236}">
                <a16:creationId xmlns:a16="http://schemas.microsoft.com/office/drawing/2014/main" id="{64FE159F-1027-354A-A5A1-EF040E559E72}"/>
              </a:ext>
            </a:extLst>
          </p:cNvPr>
          <p:cNvGrpSpPr/>
          <p:nvPr/>
        </p:nvGrpSpPr>
        <p:grpSpPr>
          <a:xfrm>
            <a:off x="467041" y="4531516"/>
            <a:ext cx="5290457" cy="1965437"/>
            <a:chOff x="1861457" y="4474028"/>
            <a:chExt cx="5290457" cy="1965437"/>
          </a:xfrm>
        </p:grpSpPr>
        <p:grpSp>
          <p:nvGrpSpPr>
            <p:cNvPr id="7" name="Group 6">
              <a:extLst>
                <a:ext uri="{FF2B5EF4-FFF2-40B4-BE49-F238E27FC236}">
                  <a16:creationId xmlns:a16="http://schemas.microsoft.com/office/drawing/2014/main" id="{CA40B1A2-FD2F-5A46-AD74-A949B9C91A05}"/>
                </a:ext>
              </a:extLst>
            </p:cNvPr>
            <p:cNvGrpSpPr/>
            <p:nvPr/>
          </p:nvGrpSpPr>
          <p:grpSpPr>
            <a:xfrm>
              <a:off x="1861457" y="4474028"/>
              <a:ext cx="5290457" cy="1965437"/>
              <a:chOff x="615379" y="2852936"/>
              <a:chExt cx="3188495" cy="2071688"/>
            </a:xfrm>
          </p:grpSpPr>
          <p:sp>
            <p:nvSpPr>
              <p:cNvPr id="10" name="Freeform 84">
                <a:extLst>
                  <a:ext uri="{FF2B5EF4-FFF2-40B4-BE49-F238E27FC236}">
                    <a16:creationId xmlns:a16="http://schemas.microsoft.com/office/drawing/2014/main" id="{5B75D20F-EAC3-D646-B148-4EF25FD89CB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57051" y="4134049"/>
                <a:ext cx="114300" cy="103585"/>
              </a:xfrm>
              <a:custGeom>
                <a:avLst/>
                <a:gdLst>
                  <a:gd name="T0" fmla="*/ 0 w 96"/>
                  <a:gd name="T1" fmla="*/ 66 h 87"/>
                  <a:gd name="T2" fmla="*/ 0 w 96"/>
                  <a:gd name="T3" fmla="*/ 66 h 87"/>
                  <a:gd name="T4" fmla="*/ 0 w 96"/>
                  <a:gd name="T5" fmla="*/ 0 h 87"/>
                  <a:gd name="T6" fmla="*/ 12 w 96"/>
                  <a:gd name="T7" fmla="*/ 3 h 87"/>
                  <a:gd name="T8" fmla="*/ 12 w 96"/>
                  <a:gd name="T9" fmla="*/ 56 h 87"/>
                  <a:gd name="T10" fmla="*/ 41 w 96"/>
                  <a:gd name="T11" fmla="*/ 62 h 87"/>
                  <a:gd name="T12" fmla="*/ 41 w 96"/>
                  <a:gd name="T13" fmla="*/ 15 h 87"/>
                  <a:gd name="T14" fmla="*/ 52 w 96"/>
                  <a:gd name="T15" fmla="*/ 18 h 87"/>
                  <a:gd name="T16" fmla="*/ 52 w 96"/>
                  <a:gd name="T17" fmla="*/ 64 h 87"/>
                  <a:gd name="T18" fmla="*/ 96 w 96"/>
                  <a:gd name="T19" fmla="*/ 74 h 87"/>
                  <a:gd name="T20" fmla="*/ 96 w 96"/>
                  <a:gd name="T21" fmla="*/ 87 h 87"/>
                  <a:gd name="T22" fmla="*/ 0 w 96"/>
                  <a:gd name="T23" fmla="*/ 66 h 8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96" h="87">
                    <a:moveTo>
                      <a:pt x="0" y="66"/>
                    </a:moveTo>
                    <a:lnTo>
                      <a:pt x="0" y="66"/>
                    </a:lnTo>
                    <a:lnTo>
                      <a:pt x="0" y="0"/>
                    </a:lnTo>
                    <a:lnTo>
                      <a:pt x="12" y="3"/>
                    </a:lnTo>
                    <a:lnTo>
                      <a:pt x="12" y="56"/>
                    </a:lnTo>
                    <a:lnTo>
                      <a:pt x="41" y="62"/>
                    </a:lnTo>
                    <a:lnTo>
                      <a:pt x="41" y="15"/>
                    </a:lnTo>
                    <a:lnTo>
                      <a:pt x="52" y="18"/>
                    </a:lnTo>
                    <a:lnTo>
                      <a:pt x="52" y="64"/>
                    </a:lnTo>
                    <a:lnTo>
                      <a:pt x="96" y="74"/>
                    </a:lnTo>
                    <a:lnTo>
                      <a:pt x="96" y="87"/>
                    </a:lnTo>
                    <a:lnTo>
                      <a:pt x="0" y="66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1" name="Freeform 85">
                <a:extLst>
                  <a:ext uri="{FF2B5EF4-FFF2-40B4-BE49-F238E27FC236}">
                    <a16:creationId xmlns:a16="http://schemas.microsoft.com/office/drawing/2014/main" id="{5A8C2CEC-3B08-E147-8095-27C5FCE61BA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740395" y="4051896"/>
                <a:ext cx="59531" cy="77391"/>
              </a:xfrm>
              <a:custGeom>
                <a:avLst/>
                <a:gdLst>
                  <a:gd name="T0" fmla="*/ 1 w 50"/>
                  <a:gd name="T1" fmla="*/ 65 h 65"/>
                  <a:gd name="T2" fmla="*/ 1 w 50"/>
                  <a:gd name="T3" fmla="*/ 65 h 65"/>
                  <a:gd name="T4" fmla="*/ 1 w 50"/>
                  <a:gd name="T5" fmla="*/ 57 h 65"/>
                  <a:gd name="T6" fmla="*/ 8 w 50"/>
                  <a:gd name="T7" fmla="*/ 57 h 65"/>
                  <a:gd name="T8" fmla="*/ 3 w 50"/>
                  <a:gd name="T9" fmla="*/ 52 h 65"/>
                  <a:gd name="T10" fmla="*/ 0 w 50"/>
                  <a:gd name="T11" fmla="*/ 42 h 65"/>
                  <a:gd name="T12" fmla="*/ 3 w 50"/>
                  <a:gd name="T13" fmla="*/ 33 h 65"/>
                  <a:gd name="T14" fmla="*/ 8 w 50"/>
                  <a:gd name="T15" fmla="*/ 29 h 65"/>
                  <a:gd name="T16" fmla="*/ 2 w 50"/>
                  <a:gd name="T17" fmla="*/ 23 h 65"/>
                  <a:gd name="T18" fmla="*/ 0 w 50"/>
                  <a:gd name="T19" fmla="*/ 15 h 65"/>
                  <a:gd name="T20" fmla="*/ 7 w 50"/>
                  <a:gd name="T21" fmla="*/ 1 h 65"/>
                  <a:gd name="T22" fmla="*/ 18 w 50"/>
                  <a:gd name="T23" fmla="*/ 0 h 65"/>
                  <a:gd name="T24" fmla="*/ 50 w 50"/>
                  <a:gd name="T25" fmla="*/ 0 h 65"/>
                  <a:gd name="T26" fmla="*/ 50 w 50"/>
                  <a:gd name="T27" fmla="*/ 8 h 65"/>
                  <a:gd name="T28" fmla="*/ 16 w 50"/>
                  <a:gd name="T29" fmla="*/ 8 h 65"/>
                  <a:gd name="T30" fmla="*/ 10 w 50"/>
                  <a:gd name="T31" fmla="*/ 10 h 65"/>
                  <a:gd name="T32" fmla="*/ 8 w 50"/>
                  <a:gd name="T33" fmla="*/ 16 h 65"/>
                  <a:gd name="T34" fmla="*/ 11 w 50"/>
                  <a:gd name="T35" fmla="*/ 25 h 65"/>
                  <a:gd name="T36" fmla="*/ 22 w 50"/>
                  <a:gd name="T37" fmla="*/ 28 h 65"/>
                  <a:gd name="T38" fmla="*/ 50 w 50"/>
                  <a:gd name="T39" fmla="*/ 28 h 65"/>
                  <a:gd name="T40" fmla="*/ 50 w 50"/>
                  <a:gd name="T41" fmla="*/ 36 h 65"/>
                  <a:gd name="T42" fmla="*/ 18 w 50"/>
                  <a:gd name="T43" fmla="*/ 36 h 65"/>
                  <a:gd name="T44" fmla="*/ 11 w 50"/>
                  <a:gd name="T45" fmla="*/ 38 h 65"/>
                  <a:gd name="T46" fmla="*/ 8 w 50"/>
                  <a:gd name="T47" fmla="*/ 45 h 65"/>
                  <a:gd name="T48" fmla="*/ 11 w 50"/>
                  <a:gd name="T49" fmla="*/ 53 h 65"/>
                  <a:gd name="T50" fmla="*/ 24 w 50"/>
                  <a:gd name="T51" fmla="*/ 57 h 65"/>
                  <a:gd name="T52" fmla="*/ 50 w 50"/>
                  <a:gd name="T53" fmla="*/ 57 h 65"/>
                  <a:gd name="T54" fmla="*/ 50 w 50"/>
                  <a:gd name="T55" fmla="*/ 65 h 65"/>
                  <a:gd name="T56" fmla="*/ 1 w 50"/>
                  <a:gd name="T57" fmla="*/ 65 h 6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</a:cxnLst>
                <a:rect l="0" t="0" r="r" b="b"/>
                <a:pathLst>
                  <a:path w="50" h="65">
                    <a:moveTo>
                      <a:pt x="1" y="65"/>
                    </a:moveTo>
                    <a:lnTo>
                      <a:pt x="1" y="65"/>
                    </a:lnTo>
                    <a:lnTo>
                      <a:pt x="1" y="57"/>
                    </a:lnTo>
                    <a:lnTo>
                      <a:pt x="8" y="57"/>
                    </a:lnTo>
                    <a:cubicBezTo>
                      <a:pt x="6" y="55"/>
                      <a:pt x="4" y="53"/>
                      <a:pt x="3" y="52"/>
                    </a:cubicBezTo>
                    <a:cubicBezTo>
                      <a:pt x="1" y="49"/>
                      <a:pt x="0" y="46"/>
                      <a:pt x="0" y="42"/>
                    </a:cubicBezTo>
                    <a:cubicBezTo>
                      <a:pt x="0" y="39"/>
                      <a:pt x="1" y="35"/>
                      <a:pt x="3" y="33"/>
                    </a:cubicBezTo>
                    <a:cubicBezTo>
                      <a:pt x="4" y="32"/>
                      <a:pt x="6" y="31"/>
                      <a:pt x="8" y="29"/>
                    </a:cubicBezTo>
                    <a:cubicBezTo>
                      <a:pt x="5" y="28"/>
                      <a:pt x="3" y="26"/>
                      <a:pt x="2" y="23"/>
                    </a:cubicBezTo>
                    <a:cubicBezTo>
                      <a:pt x="1" y="21"/>
                      <a:pt x="0" y="18"/>
                      <a:pt x="0" y="15"/>
                    </a:cubicBezTo>
                    <a:cubicBezTo>
                      <a:pt x="0" y="8"/>
                      <a:pt x="3" y="4"/>
                      <a:pt x="7" y="1"/>
                    </a:cubicBezTo>
                    <a:cubicBezTo>
                      <a:pt x="10" y="0"/>
                      <a:pt x="13" y="0"/>
                      <a:pt x="18" y="0"/>
                    </a:cubicBezTo>
                    <a:lnTo>
                      <a:pt x="50" y="0"/>
                    </a:lnTo>
                    <a:lnTo>
                      <a:pt x="50" y="8"/>
                    </a:lnTo>
                    <a:lnTo>
                      <a:pt x="16" y="8"/>
                    </a:lnTo>
                    <a:cubicBezTo>
                      <a:pt x="13" y="8"/>
                      <a:pt x="11" y="9"/>
                      <a:pt x="10" y="10"/>
                    </a:cubicBezTo>
                    <a:cubicBezTo>
                      <a:pt x="8" y="12"/>
                      <a:pt x="8" y="14"/>
                      <a:pt x="8" y="16"/>
                    </a:cubicBezTo>
                    <a:cubicBezTo>
                      <a:pt x="8" y="20"/>
                      <a:pt x="9" y="22"/>
                      <a:pt x="11" y="25"/>
                    </a:cubicBezTo>
                    <a:cubicBezTo>
                      <a:pt x="13" y="27"/>
                      <a:pt x="17" y="28"/>
                      <a:pt x="22" y="28"/>
                    </a:cubicBezTo>
                    <a:lnTo>
                      <a:pt x="50" y="28"/>
                    </a:lnTo>
                    <a:lnTo>
                      <a:pt x="50" y="36"/>
                    </a:lnTo>
                    <a:lnTo>
                      <a:pt x="18" y="36"/>
                    </a:lnTo>
                    <a:cubicBezTo>
                      <a:pt x="15" y="36"/>
                      <a:pt x="13" y="37"/>
                      <a:pt x="11" y="38"/>
                    </a:cubicBezTo>
                    <a:cubicBezTo>
                      <a:pt x="9" y="39"/>
                      <a:pt x="8" y="41"/>
                      <a:pt x="8" y="45"/>
                    </a:cubicBezTo>
                    <a:cubicBezTo>
                      <a:pt x="8" y="48"/>
                      <a:pt x="9" y="51"/>
                      <a:pt x="11" y="53"/>
                    </a:cubicBezTo>
                    <a:cubicBezTo>
                      <a:pt x="14" y="56"/>
                      <a:pt x="18" y="57"/>
                      <a:pt x="24" y="57"/>
                    </a:cubicBezTo>
                    <a:lnTo>
                      <a:pt x="50" y="57"/>
                    </a:lnTo>
                    <a:lnTo>
                      <a:pt x="50" y="65"/>
                    </a:lnTo>
                    <a:lnTo>
                      <a:pt x="1" y="65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2" name="Freeform 86">
                <a:extLst>
                  <a:ext uri="{FF2B5EF4-FFF2-40B4-BE49-F238E27FC236}">
                    <a16:creationId xmlns:a16="http://schemas.microsoft.com/office/drawing/2014/main" id="{9E968C67-D43C-CF45-8A00-45FD0EDE6D29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740395" y="3992365"/>
                <a:ext cx="61913" cy="47625"/>
              </a:xfrm>
              <a:custGeom>
                <a:avLst/>
                <a:gdLst>
                  <a:gd name="T0" fmla="*/ 35 w 52"/>
                  <a:gd name="T1" fmla="*/ 32 h 40"/>
                  <a:gd name="T2" fmla="*/ 35 w 52"/>
                  <a:gd name="T3" fmla="*/ 32 h 40"/>
                  <a:gd name="T4" fmla="*/ 41 w 52"/>
                  <a:gd name="T5" fmla="*/ 30 h 40"/>
                  <a:gd name="T6" fmla="*/ 45 w 52"/>
                  <a:gd name="T7" fmla="*/ 20 h 40"/>
                  <a:gd name="T8" fmla="*/ 43 w 52"/>
                  <a:gd name="T9" fmla="*/ 12 h 40"/>
                  <a:gd name="T10" fmla="*/ 37 w 52"/>
                  <a:gd name="T11" fmla="*/ 8 h 40"/>
                  <a:gd name="T12" fmla="*/ 32 w 52"/>
                  <a:gd name="T13" fmla="*/ 11 h 40"/>
                  <a:gd name="T14" fmla="*/ 30 w 52"/>
                  <a:gd name="T15" fmla="*/ 18 h 40"/>
                  <a:gd name="T16" fmla="*/ 28 w 52"/>
                  <a:gd name="T17" fmla="*/ 24 h 40"/>
                  <a:gd name="T18" fmla="*/ 25 w 52"/>
                  <a:gd name="T19" fmla="*/ 34 h 40"/>
                  <a:gd name="T20" fmla="*/ 16 w 52"/>
                  <a:gd name="T21" fmla="*/ 39 h 40"/>
                  <a:gd name="T22" fmla="*/ 4 w 52"/>
                  <a:gd name="T23" fmla="*/ 34 h 40"/>
                  <a:gd name="T24" fmla="*/ 0 w 52"/>
                  <a:gd name="T25" fmla="*/ 21 h 40"/>
                  <a:gd name="T26" fmla="*/ 7 w 52"/>
                  <a:gd name="T27" fmla="*/ 5 h 40"/>
                  <a:gd name="T28" fmla="*/ 15 w 52"/>
                  <a:gd name="T29" fmla="*/ 2 h 40"/>
                  <a:gd name="T30" fmla="*/ 15 w 52"/>
                  <a:gd name="T31" fmla="*/ 9 h 40"/>
                  <a:gd name="T32" fmla="*/ 10 w 52"/>
                  <a:gd name="T33" fmla="*/ 11 h 40"/>
                  <a:gd name="T34" fmla="*/ 7 w 52"/>
                  <a:gd name="T35" fmla="*/ 21 h 40"/>
                  <a:gd name="T36" fmla="*/ 9 w 52"/>
                  <a:gd name="T37" fmla="*/ 28 h 40"/>
                  <a:gd name="T38" fmla="*/ 14 w 52"/>
                  <a:gd name="T39" fmla="*/ 31 h 40"/>
                  <a:gd name="T40" fmla="*/ 19 w 52"/>
                  <a:gd name="T41" fmla="*/ 27 h 40"/>
                  <a:gd name="T42" fmla="*/ 21 w 52"/>
                  <a:gd name="T43" fmla="*/ 22 h 40"/>
                  <a:gd name="T44" fmla="*/ 22 w 52"/>
                  <a:gd name="T45" fmla="*/ 17 h 40"/>
                  <a:gd name="T46" fmla="*/ 26 w 52"/>
                  <a:gd name="T47" fmla="*/ 5 h 40"/>
                  <a:gd name="T48" fmla="*/ 36 w 52"/>
                  <a:gd name="T49" fmla="*/ 0 h 40"/>
                  <a:gd name="T50" fmla="*/ 47 w 52"/>
                  <a:gd name="T51" fmla="*/ 5 h 40"/>
                  <a:gd name="T52" fmla="*/ 52 w 52"/>
                  <a:gd name="T53" fmla="*/ 20 h 40"/>
                  <a:gd name="T54" fmla="*/ 47 w 52"/>
                  <a:gd name="T55" fmla="*/ 35 h 40"/>
                  <a:gd name="T56" fmla="*/ 35 w 52"/>
                  <a:gd name="T57" fmla="*/ 40 h 40"/>
                  <a:gd name="T58" fmla="*/ 35 w 52"/>
                  <a:gd name="T59" fmla="*/ 32 h 40"/>
                  <a:gd name="T60" fmla="*/ 0 w 52"/>
                  <a:gd name="T61" fmla="*/ 20 h 40"/>
                  <a:gd name="T62" fmla="*/ 0 w 52"/>
                  <a:gd name="T63" fmla="*/ 20 h 40"/>
                  <a:gd name="T64" fmla="*/ 0 w 52"/>
                  <a:gd name="T65" fmla="*/ 20 h 4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</a:cxnLst>
                <a:rect l="0" t="0" r="r" b="b"/>
                <a:pathLst>
                  <a:path w="52" h="40">
                    <a:moveTo>
                      <a:pt x="35" y="32"/>
                    </a:moveTo>
                    <a:lnTo>
                      <a:pt x="35" y="32"/>
                    </a:lnTo>
                    <a:cubicBezTo>
                      <a:pt x="37" y="32"/>
                      <a:pt x="40" y="31"/>
                      <a:pt x="41" y="30"/>
                    </a:cubicBezTo>
                    <a:cubicBezTo>
                      <a:pt x="44" y="28"/>
                      <a:pt x="45" y="25"/>
                      <a:pt x="45" y="20"/>
                    </a:cubicBezTo>
                    <a:cubicBezTo>
                      <a:pt x="45" y="17"/>
                      <a:pt x="44" y="14"/>
                      <a:pt x="43" y="12"/>
                    </a:cubicBezTo>
                    <a:cubicBezTo>
                      <a:pt x="42" y="9"/>
                      <a:pt x="40" y="8"/>
                      <a:pt x="37" y="8"/>
                    </a:cubicBezTo>
                    <a:cubicBezTo>
                      <a:pt x="35" y="8"/>
                      <a:pt x="33" y="9"/>
                      <a:pt x="32" y="11"/>
                    </a:cubicBezTo>
                    <a:cubicBezTo>
                      <a:pt x="31" y="12"/>
                      <a:pt x="31" y="14"/>
                      <a:pt x="30" y="18"/>
                    </a:cubicBezTo>
                    <a:lnTo>
                      <a:pt x="28" y="24"/>
                    </a:lnTo>
                    <a:cubicBezTo>
                      <a:pt x="27" y="29"/>
                      <a:pt x="26" y="32"/>
                      <a:pt x="25" y="34"/>
                    </a:cubicBezTo>
                    <a:cubicBezTo>
                      <a:pt x="23" y="37"/>
                      <a:pt x="19" y="39"/>
                      <a:pt x="16" y="39"/>
                    </a:cubicBezTo>
                    <a:cubicBezTo>
                      <a:pt x="11" y="39"/>
                      <a:pt x="7" y="37"/>
                      <a:pt x="4" y="34"/>
                    </a:cubicBezTo>
                    <a:cubicBezTo>
                      <a:pt x="2" y="31"/>
                      <a:pt x="0" y="26"/>
                      <a:pt x="0" y="21"/>
                    </a:cubicBezTo>
                    <a:cubicBezTo>
                      <a:pt x="0" y="13"/>
                      <a:pt x="2" y="8"/>
                      <a:pt x="7" y="5"/>
                    </a:cubicBezTo>
                    <a:cubicBezTo>
                      <a:pt x="9" y="3"/>
                      <a:pt x="12" y="2"/>
                      <a:pt x="15" y="2"/>
                    </a:cubicBezTo>
                    <a:lnTo>
                      <a:pt x="15" y="9"/>
                    </a:lnTo>
                    <a:cubicBezTo>
                      <a:pt x="14" y="10"/>
                      <a:pt x="12" y="10"/>
                      <a:pt x="10" y="11"/>
                    </a:cubicBezTo>
                    <a:cubicBezTo>
                      <a:pt x="8" y="13"/>
                      <a:pt x="7" y="17"/>
                      <a:pt x="7" y="21"/>
                    </a:cubicBezTo>
                    <a:cubicBezTo>
                      <a:pt x="7" y="24"/>
                      <a:pt x="8" y="27"/>
                      <a:pt x="9" y="28"/>
                    </a:cubicBezTo>
                    <a:cubicBezTo>
                      <a:pt x="10" y="30"/>
                      <a:pt x="12" y="31"/>
                      <a:pt x="14" y="31"/>
                    </a:cubicBezTo>
                    <a:cubicBezTo>
                      <a:pt x="16" y="31"/>
                      <a:pt x="17" y="30"/>
                      <a:pt x="19" y="27"/>
                    </a:cubicBezTo>
                    <a:cubicBezTo>
                      <a:pt x="19" y="26"/>
                      <a:pt x="20" y="24"/>
                      <a:pt x="21" y="22"/>
                    </a:cubicBezTo>
                    <a:lnTo>
                      <a:pt x="22" y="17"/>
                    </a:lnTo>
                    <a:cubicBezTo>
                      <a:pt x="23" y="11"/>
                      <a:pt x="25" y="7"/>
                      <a:pt x="26" y="5"/>
                    </a:cubicBezTo>
                    <a:cubicBezTo>
                      <a:pt x="28" y="2"/>
                      <a:pt x="31" y="0"/>
                      <a:pt x="36" y="0"/>
                    </a:cubicBezTo>
                    <a:cubicBezTo>
                      <a:pt x="40" y="0"/>
                      <a:pt x="44" y="2"/>
                      <a:pt x="47" y="5"/>
                    </a:cubicBezTo>
                    <a:cubicBezTo>
                      <a:pt x="50" y="8"/>
                      <a:pt x="52" y="13"/>
                      <a:pt x="52" y="20"/>
                    </a:cubicBezTo>
                    <a:cubicBezTo>
                      <a:pt x="52" y="27"/>
                      <a:pt x="50" y="32"/>
                      <a:pt x="47" y="35"/>
                    </a:cubicBezTo>
                    <a:cubicBezTo>
                      <a:pt x="44" y="38"/>
                      <a:pt x="40" y="40"/>
                      <a:pt x="35" y="40"/>
                    </a:cubicBezTo>
                    <a:lnTo>
                      <a:pt x="35" y="32"/>
                    </a:lnTo>
                    <a:close/>
                    <a:moveTo>
                      <a:pt x="0" y="20"/>
                    </a:moveTo>
                    <a:lnTo>
                      <a:pt x="0" y="20"/>
                    </a:lnTo>
                    <a:lnTo>
                      <a:pt x="0" y="20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3" name="Freeform 87">
                <a:extLst>
                  <a:ext uri="{FF2B5EF4-FFF2-40B4-BE49-F238E27FC236}">
                    <a16:creationId xmlns:a16="http://schemas.microsoft.com/office/drawing/2014/main" id="{0F36899D-D546-FA49-98CD-5EFF72CF8F66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740395" y="3934024"/>
                <a:ext cx="83344" cy="53579"/>
              </a:xfrm>
              <a:custGeom>
                <a:avLst/>
                <a:gdLst>
                  <a:gd name="T0" fmla="*/ 1 w 70"/>
                  <a:gd name="T1" fmla="*/ 9 h 45"/>
                  <a:gd name="T2" fmla="*/ 1 w 70"/>
                  <a:gd name="T3" fmla="*/ 9 h 45"/>
                  <a:gd name="T4" fmla="*/ 1 w 70"/>
                  <a:gd name="T5" fmla="*/ 0 h 45"/>
                  <a:gd name="T6" fmla="*/ 23 w 70"/>
                  <a:gd name="T7" fmla="*/ 8 h 45"/>
                  <a:gd name="T8" fmla="*/ 43 w 70"/>
                  <a:gd name="T9" fmla="*/ 15 h 45"/>
                  <a:gd name="T10" fmla="*/ 66 w 70"/>
                  <a:gd name="T11" fmla="*/ 25 h 45"/>
                  <a:gd name="T12" fmla="*/ 70 w 70"/>
                  <a:gd name="T13" fmla="*/ 35 h 45"/>
                  <a:gd name="T14" fmla="*/ 70 w 70"/>
                  <a:gd name="T15" fmla="*/ 38 h 45"/>
                  <a:gd name="T16" fmla="*/ 69 w 70"/>
                  <a:gd name="T17" fmla="*/ 40 h 45"/>
                  <a:gd name="T18" fmla="*/ 62 w 70"/>
                  <a:gd name="T19" fmla="*/ 40 h 45"/>
                  <a:gd name="T20" fmla="*/ 63 w 70"/>
                  <a:gd name="T21" fmla="*/ 37 h 45"/>
                  <a:gd name="T22" fmla="*/ 63 w 70"/>
                  <a:gd name="T23" fmla="*/ 35 h 45"/>
                  <a:gd name="T24" fmla="*/ 62 w 70"/>
                  <a:gd name="T25" fmla="*/ 32 h 45"/>
                  <a:gd name="T26" fmla="*/ 60 w 70"/>
                  <a:gd name="T27" fmla="*/ 30 h 45"/>
                  <a:gd name="T28" fmla="*/ 56 w 70"/>
                  <a:gd name="T29" fmla="*/ 29 h 45"/>
                  <a:gd name="T30" fmla="*/ 51 w 70"/>
                  <a:gd name="T31" fmla="*/ 27 h 45"/>
                  <a:gd name="T32" fmla="*/ 1 w 70"/>
                  <a:gd name="T33" fmla="*/ 45 h 45"/>
                  <a:gd name="T34" fmla="*/ 1 w 70"/>
                  <a:gd name="T35" fmla="*/ 35 h 45"/>
                  <a:gd name="T36" fmla="*/ 41 w 70"/>
                  <a:gd name="T37" fmla="*/ 22 h 45"/>
                  <a:gd name="T38" fmla="*/ 1 w 70"/>
                  <a:gd name="T39" fmla="*/ 9 h 45"/>
                  <a:gd name="T40" fmla="*/ 0 w 70"/>
                  <a:gd name="T41" fmla="*/ 22 h 45"/>
                  <a:gd name="T42" fmla="*/ 0 w 70"/>
                  <a:gd name="T43" fmla="*/ 22 h 45"/>
                  <a:gd name="T44" fmla="*/ 0 w 70"/>
                  <a:gd name="T45" fmla="*/ 22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</a:cxnLst>
                <a:rect l="0" t="0" r="r" b="b"/>
                <a:pathLst>
                  <a:path w="70" h="45">
                    <a:moveTo>
                      <a:pt x="1" y="9"/>
                    </a:moveTo>
                    <a:lnTo>
                      <a:pt x="1" y="9"/>
                    </a:lnTo>
                    <a:lnTo>
                      <a:pt x="1" y="0"/>
                    </a:lnTo>
                    <a:cubicBezTo>
                      <a:pt x="5" y="1"/>
                      <a:pt x="12" y="4"/>
                      <a:pt x="23" y="8"/>
                    </a:cubicBezTo>
                    <a:cubicBezTo>
                      <a:pt x="31" y="11"/>
                      <a:pt x="38" y="13"/>
                      <a:pt x="43" y="15"/>
                    </a:cubicBezTo>
                    <a:cubicBezTo>
                      <a:pt x="56" y="20"/>
                      <a:pt x="63" y="23"/>
                      <a:pt x="66" y="25"/>
                    </a:cubicBezTo>
                    <a:cubicBezTo>
                      <a:pt x="69" y="27"/>
                      <a:pt x="70" y="31"/>
                      <a:pt x="70" y="35"/>
                    </a:cubicBezTo>
                    <a:cubicBezTo>
                      <a:pt x="70" y="36"/>
                      <a:pt x="70" y="37"/>
                      <a:pt x="70" y="38"/>
                    </a:cubicBezTo>
                    <a:cubicBezTo>
                      <a:pt x="70" y="39"/>
                      <a:pt x="70" y="39"/>
                      <a:pt x="69" y="40"/>
                    </a:cubicBezTo>
                    <a:lnTo>
                      <a:pt x="62" y="40"/>
                    </a:lnTo>
                    <a:cubicBezTo>
                      <a:pt x="62" y="39"/>
                      <a:pt x="63" y="38"/>
                      <a:pt x="63" y="37"/>
                    </a:cubicBezTo>
                    <a:cubicBezTo>
                      <a:pt x="63" y="37"/>
                      <a:pt x="63" y="36"/>
                      <a:pt x="63" y="35"/>
                    </a:cubicBezTo>
                    <a:cubicBezTo>
                      <a:pt x="63" y="34"/>
                      <a:pt x="62" y="33"/>
                      <a:pt x="62" y="32"/>
                    </a:cubicBezTo>
                    <a:cubicBezTo>
                      <a:pt x="61" y="31"/>
                      <a:pt x="61" y="31"/>
                      <a:pt x="60" y="30"/>
                    </a:cubicBezTo>
                    <a:cubicBezTo>
                      <a:pt x="60" y="30"/>
                      <a:pt x="59" y="30"/>
                      <a:pt x="56" y="29"/>
                    </a:cubicBezTo>
                    <a:cubicBezTo>
                      <a:pt x="54" y="28"/>
                      <a:pt x="53" y="27"/>
                      <a:pt x="51" y="27"/>
                    </a:cubicBezTo>
                    <a:lnTo>
                      <a:pt x="1" y="45"/>
                    </a:lnTo>
                    <a:lnTo>
                      <a:pt x="1" y="35"/>
                    </a:lnTo>
                    <a:lnTo>
                      <a:pt x="41" y="22"/>
                    </a:lnTo>
                    <a:lnTo>
                      <a:pt x="1" y="9"/>
                    </a:lnTo>
                    <a:close/>
                    <a:moveTo>
                      <a:pt x="0" y="22"/>
                    </a:moveTo>
                    <a:lnTo>
                      <a:pt x="0" y="22"/>
                    </a:lnTo>
                    <a:lnTo>
                      <a:pt x="0" y="22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4" name="Freeform 88">
                <a:extLst>
                  <a:ext uri="{FF2B5EF4-FFF2-40B4-BE49-F238E27FC236}">
                    <a16:creationId xmlns:a16="http://schemas.microsoft.com/office/drawing/2014/main" id="{137659CF-1817-1E41-8570-18DFCA7704B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55860" y="3841155"/>
                <a:ext cx="147638" cy="36910"/>
              </a:xfrm>
              <a:custGeom>
                <a:avLst/>
                <a:gdLst>
                  <a:gd name="T0" fmla="*/ 0 w 124"/>
                  <a:gd name="T1" fmla="*/ 1 h 31"/>
                  <a:gd name="T2" fmla="*/ 0 w 124"/>
                  <a:gd name="T3" fmla="*/ 1 h 31"/>
                  <a:gd name="T4" fmla="*/ 29 w 124"/>
                  <a:gd name="T5" fmla="*/ 14 h 31"/>
                  <a:gd name="T6" fmla="*/ 62 w 124"/>
                  <a:gd name="T7" fmla="*/ 18 h 31"/>
                  <a:gd name="T8" fmla="*/ 96 w 124"/>
                  <a:gd name="T9" fmla="*/ 13 h 31"/>
                  <a:gd name="T10" fmla="*/ 124 w 124"/>
                  <a:gd name="T11" fmla="*/ 0 h 31"/>
                  <a:gd name="T12" fmla="*/ 124 w 124"/>
                  <a:gd name="T13" fmla="*/ 8 h 31"/>
                  <a:gd name="T14" fmla="*/ 105 w 124"/>
                  <a:gd name="T15" fmla="*/ 20 h 31"/>
                  <a:gd name="T16" fmla="*/ 94 w 124"/>
                  <a:gd name="T17" fmla="*/ 25 h 31"/>
                  <a:gd name="T18" fmla="*/ 73 w 124"/>
                  <a:gd name="T19" fmla="*/ 30 h 31"/>
                  <a:gd name="T20" fmla="*/ 62 w 124"/>
                  <a:gd name="T21" fmla="*/ 31 h 31"/>
                  <a:gd name="T22" fmla="*/ 28 w 124"/>
                  <a:gd name="T23" fmla="*/ 25 h 31"/>
                  <a:gd name="T24" fmla="*/ 0 w 124"/>
                  <a:gd name="T25" fmla="*/ 9 h 31"/>
                  <a:gd name="T26" fmla="*/ 0 w 124"/>
                  <a:gd name="T27" fmla="*/ 1 h 3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124" h="31">
                    <a:moveTo>
                      <a:pt x="0" y="1"/>
                    </a:moveTo>
                    <a:lnTo>
                      <a:pt x="0" y="1"/>
                    </a:lnTo>
                    <a:cubicBezTo>
                      <a:pt x="13" y="7"/>
                      <a:pt x="23" y="12"/>
                      <a:pt x="29" y="14"/>
                    </a:cubicBezTo>
                    <a:cubicBezTo>
                      <a:pt x="38" y="17"/>
                      <a:pt x="49" y="18"/>
                      <a:pt x="62" y="18"/>
                    </a:cubicBezTo>
                    <a:cubicBezTo>
                      <a:pt x="74" y="18"/>
                      <a:pt x="86" y="17"/>
                      <a:pt x="96" y="13"/>
                    </a:cubicBezTo>
                    <a:cubicBezTo>
                      <a:pt x="103" y="11"/>
                      <a:pt x="112" y="7"/>
                      <a:pt x="124" y="0"/>
                    </a:cubicBezTo>
                    <a:lnTo>
                      <a:pt x="124" y="8"/>
                    </a:lnTo>
                    <a:cubicBezTo>
                      <a:pt x="114" y="15"/>
                      <a:pt x="108" y="18"/>
                      <a:pt x="105" y="20"/>
                    </a:cubicBezTo>
                    <a:cubicBezTo>
                      <a:pt x="102" y="21"/>
                      <a:pt x="98" y="23"/>
                      <a:pt x="94" y="25"/>
                    </a:cubicBezTo>
                    <a:cubicBezTo>
                      <a:pt x="87" y="27"/>
                      <a:pt x="81" y="29"/>
                      <a:pt x="73" y="30"/>
                    </a:cubicBezTo>
                    <a:cubicBezTo>
                      <a:pt x="69" y="30"/>
                      <a:pt x="66" y="31"/>
                      <a:pt x="62" y="31"/>
                    </a:cubicBezTo>
                    <a:cubicBezTo>
                      <a:pt x="50" y="31"/>
                      <a:pt x="38" y="29"/>
                      <a:pt x="28" y="25"/>
                    </a:cubicBezTo>
                    <a:cubicBezTo>
                      <a:pt x="22" y="22"/>
                      <a:pt x="12" y="17"/>
                      <a:pt x="0" y="9"/>
                    </a:cubicBezTo>
                    <a:lnTo>
                      <a:pt x="0" y="1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5" name="Freeform 89">
                <a:extLst>
                  <a:ext uri="{FF2B5EF4-FFF2-40B4-BE49-F238E27FC236}">
                    <a16:creationId xmlns:a16="http://schemas.microsoft.com/office/drawing/2014/main" id="{2306D118-E6EA-E441-9760-2478677CFE0C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685626" y="3760192"/>
                <a:ext cx="119063" cy="73819"/>
              </a:xfrm>
              <a:custGeom>
                <a:avLst/>
                <a:gdLst>
                  <a:gd name="T0" fmla="*/ 2 w 100"/>
                  <a:gd name="T1" fmla="*/ 12 h 63"/>
                  <a:gd name="T2" fmla="*/ 2 w 100"/>
                  <a:gd name="T3" fmla="*/ 12 h 63"/>
                  <a:gd name="T4" fmla="*/ 2 w 100"/>
                  <a:gd name="T5" fmla="*/ 0 h 63"/>
                  <a:gd name="T6" fmla="*/ 33 w 100"/>
                  <a:gd name="T7" fmla="*/ 10 h 63"/>
                  <a:gd name="T8" fmla="*/ 62 w 100"/>
                  <a:gd name="T9" fmla="*/ 21 h 63"/>
                  <a:gd name="T10" fmla="*/ 94 w 100"/>
                  <a:gd name="T11" fmla="*/ 35 h 63"/>
                  <a:gd name="T12" fmla="*/ 100 w 100"/>
                  <a:gd name="T13" fmla="*/ 50 h 63"/>
                  <a:gd name="T14" fmla="*/ 100 w 100"/>
                  <a:gd name="T15" fmla="*/ 54 h 63"/>
                  <a:gd name="T16" fmla="*/ 99 w 100"/>
                  <a:gd name="T17" fmla="*/ 57 h 63"/>
                  <a:gd name="T18" fmla="*/ 89 w 100"/>
                  <a:gd name="T19" fmla="*/ 57 h 63"/>
                  <a:gd name="T20" fmla="*/ 90 w 100"/>
                  <a:gd name="T21" fmla="*/ 52 h 63"/>
                  <a:gd name="T22" fmla="*/ 90 w 100"/>
                  <a:gd name="T23" fmla="*/ 50 h 63"/>
                  <a:gd name="T24" fmla="*/ 89 w 100"/>
                  <a:gd name="T25" fmla="*/ 45 h 63"/>
                  <a:gd name="T26" fmla="*/ 86 w 100"/>
                  <a:gd name="T27" fmla="*/ 43 h 63"/>
                  <a:gd name="T28" fmla="*/ 81 w 100"/>
                  <a:gd name="T29" fmla="*/ 40 h 63"/>
                  <a:gd name="T30" fmla="*/ 74 w 100"/>
                  <a:gd name="T31" fmla="*/ 37 h 63"/>
                  <a:gd name="T32" fmla="*/ 2 w 100"/>
                  <a:gd name="T33" fmla="*/ 63 h 63"/>
                  <a:gd name="T34" fmla="*/ 2 w 100"/>
                  <a:gd name="T35" fmla="*/ 50 h 63"/>
                  <a:gd name="T36" fmla="*/ 59 w 100"/>
                  <a:gd name="T37" fmla="*/ 31 h 63"/>
                  <a:gd name="T38" fmla="*/ 2 w 100"/>
                  <a:gd name="T39" fmla="*/ 12 h 63"/>
                  <a:gd name="T40" fmla="*/ 0 w 100"/>
                  <a:gd name="T41" fmla="*/ 31 h 63"/>
                  <a:gd name="T42" fmla="*/ 0 w 100"/>
                  <a:gd name="T43" fmla="*/ 31 h 63"/>
                  <a:gd name="T44" fmla="*/ 0 w 100"/>
                  <a:gd name="T45" fmla="*/ 31 h 6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</a:cxnLst>
                <a:rect l="0" t="0" r="r" b="b"/>
                <a:pathLst>
                  <a:path w="100" h="63">
                    <a:moveTo>
                      <a:pt x="2" y="12"/>
                    </a:moveTo>
                    <a:lnTo>
                      <a:pt x="2" y="12"/>
                    </a:lnTo>
                    <a:lnTo>
                      <a:pt x="2" y="0"/>
                    </a:lnTo>
                    <a:cubicBezTo>
                      <a:pt x="7" y="1"/>
                      <a:pt x="17" y="5"/>
                      <a:pt x="33" y="10"/>
                    </a:cubicBezTo>
                    <a:cubicBezTo>
                      <a:pt x="45" y="15"/>
                      <a:pt x="54" y="18"/>
                      <a:pt x="62" y="21"/>
                    </a:cubicBezTo>
                    <a:cubicBezTo>
                      <a:pt x="80" y="28"/>
                      <a:pt x="90" y="33"/>
                      <a:pt x="94" y="35"/>
                    </a:cubicBezTo>
                    <a:cubicBezTo>
                      <a:pt x="98" y="38"/>
                      <a:pt x="100" y="43"/>
                      <a:pt x="100" y="50"/>
                    </a:cubicBezTo>
                    <a:cubicBezTo>
                      <a:pt x="100" y="51"/>
                      <a:pt x="100" y="53"/>
                      <a:pt x="100" y="54"/>
                    </a:cubicBezTo>
                    <a:cubicBezTo>
                      <a:pt x="100" y="54"/>
                      <a:pt x="100" y="56"/>
                      <a:pt x="99" y="57"/>
                    </a:cubicBezTo>
                    <a:lnTo>
                      <a:pt x="89" y="57"/>
                    </a:lnTo>
                    <a:cubicBezTo>
                      <a:pt x="89" y="55"/>
                      <a:pt x="89" y="53"/>
                      <a:pt x="90" y="52"/>
                    </a:cubicBezTo>
                    <a:cubicBezTo>
                      <a:pt x="90" y="51"/>
                      <a:pt x="90" y="51"/>
                      <a:pt x="90" y="50"/>
                    </a:cubicBezTo>
                    <a:cubicBezTo>
                      <a:pt x="90" y="48"/>
                      <a:pt x="89" y="46"/>
                      <a:pt x="89" y="45"/>
                    </a:cubicBezTo>
                    <a:cubicBezTo>
                      <a:pt x="88" y="44"/>
                      <a:pt x="87" y="43"/>
                      <a:pt x="86" y="43"/>
                    </a:cubicBezTo>
                    <a:cubicBezTo>
                      <a:pt x="86" y="42"/>
                      <a:pt x="84" y="42"/>
                      <a:pt x="81" y="40"/>
                    </a:cubicBezTo>
                    <a:cubicBezTo>
                      <a:pt x="78" y="39"/>
                      <a:pt x="75" y="38"/>
                      <a:pt x="74" y="37"/>
                    </a:cubicBezTo>
                    <a:lnTo>
                      <a:pt x="2" y="63"/>
                    </a:lnTo>
                    <a:lnTo>
                      <a:pt x="2" y="50"/>
                    </a:lnTo>
                    <a:lnTo>
                      <a:pt x="59" y="31"/>
                    </a:lnTo>
                    <a:lnTo>
                      <a:pt x="2" y="12"/>
                    </a:lnTo>
                    <a:close/>
                    <a:moveTo>
                      <a:pt x="0" y="31"/>
                    </a:moveTo>
                    <a:lnTo>
                      <a:pt x="0" y="31"/>
                    </a:lnTo>
                    <a:lnTo>
                      <a:pt x="0" y="31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6" name="Freeform 90">
                <a:extLst>
                  <a:ext uri="{FF2B5EF4-FFF2-40B4-BE49-F238E27FC236}">
                    <a16:creationId xmlns:a16="http://schemas.microsoft.com/office/drawing/2014/main" id="{C39437D3-C566-F341-9D55-4E0B219FF4F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86817" y="3706615"/>
                <a:ext cx="84535" cy="40481"/>
              </a:xfrm>
              <a:custGeom>
                <a:avLst/>
                <a:gdLst>
                  <a:gd name="T0" fmla="*/ 1 w 71"/>
                  <a:gd name="T1" fmla="*/ 34 h 34"/>
                  <a:gd name="T2" fmla="*/ 1 w 71"/>
                  <a:gd name="T3" fmla="*/ 34 h 34"/>
                  <a:gd name="T4" fmla="*/ 1 w 71"/>
                  <a:gd name="T5" fmla="*/ 23 h 34"/>
                  <a:gd name="T6" fmla="*/ 13 w 71"/>
                  <a:gd name="T7" fmla="*/ 23 h 34"/>
                  <a:gd name="T8" fmla="*/ 5 w 71"/>
                  <a:gd name="T9" fmla="*/ 16 h 34"/>
                  <a:gd name="T10" fmla="*/ 0 w 71"/>
                  <a:gd name="T11" fmla="*/ 4 h 34"/>
                  <a:gd name="T12" fmla="*/ 0 w 71"/>
                  <a:gd name="T13" fmla="*/ 3 h 34"/>
                  <a:gd name="T14" fmla="*/ 0 w 71"/>
                  <a:gd name="T15" fmla="*/ 0 h 34"/>
                  <a:gd name="T16" fmla="*/ 12 w 71"/>
                  <a:gd name="T17" fmla="*/ 0 h 34"/>
                  <a:gd name="T18" fmla="*/ 12 w 71"/>
                  <a:gd name="T19" fmla="*/ 2 h 34"/>
                  <a:gd name="T20" fmla="*/ 12 w 71"/>
                  <a:gd name="T21" fmla="*/ 4 h 34"/>
                  <a:gd name="T22" fmla="*/ 18 w 71"/>
                  <a:gd name="T23" fmla="*/ 17 h 34"/>
                  <a:gd name="T24" fmla="*/ 31 w 71"/>
                  <a:gd name="T25" fmla="*/ 22 h 34"/>
                  <a:gd name="T26" fmla="*/ 71 w 71"/>
                  <a:gd name="T27" fmla="*/ 22 h 34"/>
                  <a:gd name="T28" fmla="*/ 71 w 71"/>
                  <a:gd name="T29" fmla="*/ 34 h 34"/>
                  <a:gd name="T30" fmla="*/ 1 w 71"/>
                  <a:gd name="T31" fmla="*/ 34 h 3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</a:cxnLst>
                <a:rect l="0" t="0" r="r" b="b"/>
                <a:pathLst>
                  <a:path w="71" h="34">
                    <a:moveTo>
                      <a:pt x="1" y="34"/>
                    </a:moveTo>
                    <a:lnTo>
                      <a:pt x="1" y="34"/>
                    </a:lnTo>
                    <a:lnTo>
                      <a:pt x="1" y="23"/>
                    </a:lnTo>
                    <a:lnTo>
                      <a:pt x="13" y="23"/>
                    </a:lnTo>
                    <a:cubicBezTo>
                      <a:pt x="11" y="22"/>
                      <a:pt x="8" y="20"/>
                      <a:pt x="5" y="16"/>
                    </a:cubicBezTo>
                    <a:cubicBezTo>
                      <a:pt x="1" y="13"/>
                      <a:pt x="0" y="8"/>
                      <a:pt x="0" y="4"/>
                    </a:cubicBezTo>
                    <a:cubicBezTo>
                      <a:pt x="0" y="4"/>
                      <a:pt x="0" y="3"/>
                      <a:pt x="0" y="3"/>
                    </a:cubicBezTo>
                    <a:cubicBezTo>
                      <a:pt x="0" y="2"/>
                      <a:pt x="0" y="1"/>
                      <a:pt x="0" y="0"/>
                    </a:cubicBezTo>
                    <a:lnTo>
                      <a:pt x="12" y="0"/>
                    </a:lnTo>
                    <a:cubicBezTo>
                      <a:pt x="12" y="1"/>
                      <a:pt x="12" y="1"/>
                      <a:pt x="12" y="2"/>
                    </a:cubicBezTo>
                    <a:cubicBezTo>
                      <a:pt x="12" y="3"/>
                      <a:pt x="12" y="3"/>
                      <a:pt x="12" y="4"/>
                    </a:cubicBezTo>
                    <a:cubicBezTo>
                      <a:pt x="12" y="10"/>
                      <a:pt x="14" y="14"/>
                      <a:pt x="18" y="17"/>
                    </a:cubicBezTo>
                    <a:cubicBezTo>
                      <a:pt x="21" y="21"/>
                      <a:pt x="26" y="22"/>
                      <a:pt x="31" y="22"/>
                    </a:cubicBezTo>
                    <a:lnTo>
                      <a:pt x="71" y="22"/>
                    </a:lnTo>
                    <a:lnTo>
                      <a:pt x="71" y="34"/>
                    </a:lnTo>
                    <a:lnTo>
                      <a:pt x="1" y="34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7" name="Freeform 91">
                <a:extLst>
                  <a:ext uri="{FF2B5EF4-FFF2-40B4-BE49-F238E27FC236}">
                    <a16:creationId xmlns:a16="http://schemas.microsoft.com/office/drawing/2014/main" id="{19824262-8805-E743-9763-6D3738E5059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59433" y="3643511"/>
                <a:ext cx="8335" cy="55960"/>
              </a:xfrm>
              <a:custGeom>
                <a:avLst/>
                <a:gdLst>
                  <a:gd name="T0" fmla="*/ 0 w 7"/>
                  <a:gd name="T1" fmla="*/ 0 h 47"/>
                  <a:gd name="T2" fmla="*/ 0 w 7"/>
                  <a:gd name="T3" fmla="*/ 0 h 47"/>
                  <a:gd name="T4" fmla="*/ 7 w 7"/>
                  <a:gd name="T5" fmla="*/ 0 h 47"/>
                  <a:gd name="T6" fmla="*/ 7 w 7"/>
                  <a:gd name="T7" fmla="*/ 47 h 47"/>
                  <a:gd name="T8" fmla="*/ 0 w 7"/>
                  <a:gd name="T9" fmla="*/ 47 h 47"/>
                  <a:gd name="T10" fmla="*/ 0 w 7"/>
                  <a:gd name="T11" fmla="*/ 0 h 4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7" h="47">
                    <a:moveTo>
                      <a:pt x="0" y="0"/>
                    </a:moveTo>
                    <a:lnTo>
                      <a:pt x="0" y="0"/>
                    </a:lnTo>
                    <a:lnTo>
                      <a:pt x="7" y="0"/>
                    </a:lnTo>
                    <a:lnTo>
                      <a:pt x="7" y="47"/>
                    </a:lnTo>
                    <a:lnTo>
                      <a:pt x="0" y="47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8" name="Freeform 92">
                <a:extLst>
                  <a:ext uri="{FF2B5EF4-FFF2-40B4-BE49-F238E27FC236}">
                    <a16:creationId xmlns:a16="http://schemas.microsoft.com/office/drawing/2014/main" id="{DFB44343-9631-EC41-96DA-A0198178CF4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15379" y="3600649"/>
                <a:ext cx="76200" cy="28575"/>
              </a:xfrm>
              <a:custGeom>
                <a:avLst/>
                <a:gdLst>
                  <a:gd name="T0" fmla="*/ 18 w 64"/>
                  <a:gd name="T1" fmla="*/ 24 h 24"/>
                  <a:gd name="T2" fmla="*/ 18 w 64"/>
                  <a:gd name="T3" fmla="*/ 24 h 24"/>
                  <a:gd name="T4" fmla="*/ 12 w 64"/>
                  <a:gd name="T5" fmla="*/ 24 h 24"/>
                  <a:gd name="T6" fmla="*/ 9 w 64"/>
                  <a:gd name="T7" fmla="*/ 12 h 24"/>
                  <a:gd name="T8" fmla="*/ 0 w 64"/>
                  <a:gd name="T9" fmla="*/ 6 h 24"/>
                  <a:gd name="T10" fmla="*/ 0 w 64"/>
                  <a:gd name="T11" fmla="*/ 0 h 24"/>
                  <a:gd name="T12" fmla="*/ 64 w 64"/>
                  <a:gd name="T13" fmla="*/ 0 h 24"/>
                  <a:gd name="T14" fmla="*/ 64 w 64"/>
                  <a:gd name="T15" fmla="*/ 9 h 24"/>
                  <a:gd name="T16" fmla="*/ 18 w 64"/>
                  <a:gd name="T17" fmla="*/ 9 h 24"/>
                  <a:gd name="T18" fmla="*/ 18 w 64"/>
                  <a:gd name="T19" fmla="*/ 24 h 2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64" h="24">
                    <a:moveTo>
                      <a:pt x="18" y="24"/>
                    </a:moveTo>
                    <a:lnTo>
                      <a:pt x="18" y="24"/>
                    </a:lnTo>
                    <a:lnTo>
                      <a:pt x="12" y="24"/>
                    </a:lnTo>
                    <a:cubicBezTo>
                      <a:pt x="11" y="18"/>
                      <a:pt x="11" y="14"/>
                      <a:pt x="9" y="12"/>
                    </a:cubicBezTo>
                    <a:cubicBezTo>
                      <a:pt x="8" y="9"/>
                      <a:pt x="5" y="8"/>
                      <a:pt x="0" y="6"/>
                    </a:cubicBezTo>
                    <a:lnTo>
                      <a:pt x="0" y="0"/>
                    </a:lnTo>
                    <a:lnTo>
                      <a:pt x="64" y="0"/>
                    </a:lnTo>
                    <a:lnTo>
                      <a:pt x="64" y="9"/>
                    </a:lnTo>
                    <a:lnTo>
                      <a:pt x="18" y="9"/>
                    </a:lnTo>
                    <a:lnTo>
                      <a:pt x="18" y="24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9" name="Freeform 93">
                <a:extLst>
                  <a:ext uri="{FF2B5EF4-FFF2-40B4-BE49-F238E27FC236}">
                    <a16:creationId xmlns:a16="http://schemas.microsoft.com/office/drawing/2014/main" id="{7CBFE89A-B5D1-2A47-950E-A8946987994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55860" y="3536355"/>
                <a:ext cx="147638" cy="36910"/>
              </a:xfrm>
              <a:custGeom>
                <a:avLst/>
                <a:gdLst>
                  <a:gd name="T0" fmla="*/ 124 w 124"/>
                  <a:gd name="T1" fmla="*/ 30 h 31"/>
                  <a:gd name="T2" fmla="*/ 124 w 124"/>
                  <a:gd name="T3" fmla="*/ 30 h 31"/>
                  <a:gd name="T4" fmla="*/ 94 w 124"/>
                  <a:gd name="T5" fmla="*/ 17 h 31"/>
                  <a:gd name="T6" fmla="*/ 62 w 124"/>
                  <a:gd name="T7" fmla="*/ 13 h 31"/>
                  <a:gd name="T8" fmla="*/ 27 w 124"/>
                  <a:gd name="T9" fmla="*/ 18 h 31"/>
                  <a:gd name="T10" fmla="*/ 0 w 124"/>
                  <a:gd name="T11" fmla="*/ 31 h 31"/>
                  <a:gd name="T12" fmla="*/ 0 w 124"/>
                  <a:gd name="T13" fmla="*/ 23 h 31"/>
                  <a:gd name="T14" fmla="*/ 19 w 124"/>
                  <a:gd name="T15" fmla="*/ 11 h 31"/>
                  <a:gd name="T16" fmla="*/ 30 w 124"/>
                  <a:gd name="T17" fmla="*/ 6 h 31"/>
                  <a:gd name="T18" fmla="*/ 46 w 124"/>
                  <a:gd name="T19" fmla="*/ 2 h 31"/>
                  <a:gd name="T20" fmla="*/ 61 w 124"/>
                  <a:gd name="T21" fmla="*/ 0 h 31"/>
                  <a:gd name="T22" fmla="*/ 95 w 124"/>
                  <a:gd name="T23" fmla="*/ 6 h 31"/>
                  <a:gd name="T24" fmla="*/ 124 w 124"/>
                  <a:gd name="T25" fmla="*/ 22 h 31"/>
                  <a:gd name="T26" fmla="*/ 124 w 124"/>
                  <a:gd name="T27" fmla="*/ 30 h 3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124" h="31">
                    <a:moveTo>
                      <a:pt x="124" y="30"/>
                    </a:moveTo>
                    <a:lnTo>
                      <a:pt x="124" y="30"/>
                    </a:lnTo>
                    <a:cubicBezTo>
                      <a:pt x="110" y="24"/>
                      <a:pt x="101" y="19"/>
                      <a:pt x="94" y="17"/>
                    </a:cubicBezTo>
                    <a:cubicBezTo>
                      <a:pt x="85" y="14"/>
                      <a:pt x="74" y="13"/>
                      <a:pt x="62" y="13"/>
                    </a:cubicBezTo>
                    <a:cubicBezTo>
                      <a:pt x="49" y="13"/>
                      <a:pt x="38" y="14"/>
                      <a:pt x="27" y="18"/>
                    </a:cubicBezTo>
                    <a:cubicBezTo>
                      <a:pt x="21" y="20"/>
                      <a:pt x="12" y="24"/>
                      <a:pt x="0" y="31"/>
                    </a:cubicBezTo>
                    <a:lnTo>
                      <a:pt x="0" y="23"/>
                    </a:lnTo>
                    <a:cubicBezTo>
                      <a:pt x="10" y="16"/>
                      <a:pt x="17" y="12"/>
                      <a:pt x="19" y="11"/>
                    </a:cubicBezTo>
                    <a:cubicBezTo>
                      <a:pt x="22" y="9"/>
                      <a:pt x="25" y="8"/>
                      <a:pt x="30" y="6"/>
                    </a:cubicBezTo>
                    <a:cubicBezTo>
                      <a:pt x="35" y="4"/>
                      <a:pt x="40" y="2"/>
                      <a:pt x="46" y="2"/>
                    </a:cubicBezTo>
                    <a:cubicBezTo>
                      <a:pt x="51" y="1"/>
                      <a:pt x="56" y="0"/>
                      <a:pt x="61" y="0"/>
                    </a:cubicBezTo>
                    <a:cubicBezTo>
                      <a:pt x="74" y="0"/>
                      <a:pt x="85" y="2"/>
                      <a:pt x="95" y="6"/>
                    </a:cubicBezTo>
                    <a:cubicBezTo>
                      <a:pt x="102" y="9"/>
                      <a:pt x="111" y="14"/>
                      <a:pt x="124" y="22"/>
                    </a:cubicBezTo>
                    <a:lnTo>
                      <a:pt x="124" y="30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20" name="Freeform 94">
                <a:extLst>
                  <a:ext uri="{FF2B5EF4-FFF2-40B4-BE49-F238E27FC236}">
                    <a16:creationId xmlns:a16="http://schemas.microsoft.com/office/drawing/2014/main" id="{19513B03-1F00-1147-8729-8D50800D791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400001" y="4881761"/>
                <a:ext cx="0" cy="40481"/>
              </a:xfrm>
              <a:custGeom>
                <a:avLst/>
                <a:gdLst>
                  <a:gd name="T0" fmla="*/ 34 h 34"/>
                  <a:gd name="T1" fmla="*/ 34 h 34"/>
                  <a:gd name="T2" fmla="*/ 0 h 3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34">
                    <a:moveTo>
                      <a:pt x="0" y="34"/>
                    </a:moveTo>
                    <a:lnTo>
                      <a:pt x="0" y="34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21" name="Freeform 95">
                <a:extLst>
                  <a:ext uri="{FF2B5EF4-FFF2-40B4-BE49-F238E27FC236}">
                    <a16:creationId xmlns:a16="http://schemas.microsoft.com/office/drawing/2014/main" id="{DD07EADF-C0A2-EC41-A65D-3DB76F3E30C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76264" y="4881761"/>
                <a:ext cx="0" cy="40481"/>
              </a:xfrm>
              <a:custGeom>
                <a:avLst/>
                <a:gdLst>
                  <a:gd name="T0" fmla="*/ 34 h 34"/>
                  <a:gd name="T1" fmla="*/ 34 h 34"/>
                  <a:gd name="T2" fmla="*/ 0 h 3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34">
                    <a:moveTo>
                      <a:pt x="0" y="34"/>
                    </a:moveTo>
                    <a:lnTo>
                      <a:pt x="0" y="34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22" name="Freeform 96">
                <a:extLst>
                  <a:ext uri="{FF2B5EF4-FFF2-40B4-BE49-F238E27FC236}">
                    <a16:creationId xmlns:a16="http://schemas.microsoft.com/office/drawing/2014/main" id="{C5D2472B-9571-A945-BE94-AB44763A1D3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51336" y="4881761"/>
                <a:ext cx="0" cy="40481"/>
              </a:xfrm>
              <a:custGeom>
                <a:avLst/>
                <a:gdLst>
                  <a:gd name="T0" fmla="*/ 34 h 34"/>
                  <a:gd name="T1" fmla="*/ 34 h 34"/>
                  <a:gd name="T2" fmla="*/ 0 h 3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34">
                    <a:moveTo>
                      <a:pt x="0" y="34"/>
                    </a:moveTo>
                    <a:lnTo>
                      <a:pt x="0" y="34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23" name="Freeform 97">
                <a:extLst>
                  <a:ext uri="{FF2B5EF4-FFF2-40B4-BE49-F238E27FC236}">
                    <a16:creationId xmlns:a16="http://schemas.microsoft.com/office/drawing/2014/main" id="{AE72B8DD-CEE7-4C4A-B78C-2B8B3FDA643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27598" y="4881761"/>
                <a:ext cx="0" cy="40481"/>
              </a:xfrm>
              <a:custGeom>
                <a:avLst/>
                <a:gdLst>
                  <a:gd name="T0" fmla="*/ 34 h 34"/>
                  <a:gd name="T1" fmla="*/ 34 h 34"/>
                  <a:gd name="T2" fmla="*/ 0 h 3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34">
                    <a:moveTo>
                      <a:pt x="0" y="34"/>
                    </a:moveTo>
                    <a:lnTo>
                      <a:pt x="0" y="34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24" name="Freeform 98">
                <a:extLst>
                  <a:ext uri="{FF2B5EF4-FFF2-40B4-BE49-F238E27FC236}">
                    <a16:creationId xmlns:a16="http://schemas.microsoft.com/office/drawing/2014/main" id="{400A838B-289E-5043-95C7-A7C47F52FB5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02670" y="4881761"/>
                <a:ext cx="0" cy="40481"/>
              </a:xfrm>
              <a:custGeom>
                <a:avLst/>
                <a:gdLst>
                  <a:gd name="T0" fmla="*/ 34 h 34"/>
                  <a:gd name="T1" fmla="*/ 34 h 34"/>
                  <a:gd name="T2" fmla="*/ 0 h 34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34">
                    <a:moveTo>
                      <a:pt x="0" y="34"/>
                    </a:moveTo>
                    <a:lnTo>
                      <a:pt x="0" y="34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25" name="Freeform 99">
                <a:extLst>
                  <a:ext uri="{FF2B5EF4-FFF2-40B4-BE49-F238E27FC236}">
                    <a16:creationId xmlns:a16="http://schemas.microsoft.com/office/drawing/2014/main" id="{09DD8ADD-26E2-9D43-9C2E-B8E4ABD6965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98810" y="4921052"/>
                <a:ext cx="3572" cy="3572"/>
              </a:xfrm>
              <a:custGeom>
                <a:avLst/>
                <a:gdLst>
                  <a:gd name="T0" fmla="*/ 1 w 3"/>
                  <a:gd name="T1" fmla="*/ 3 h 3"/>
                  <a:gd name="T2" fmla="*/ 1 w 3"/>
                  <a:gd name="T3" fmla="*/ 3 h 3"/>
                  <a:gd name="T4" fmla="*/ 0 w 3"/>
                  <a:gd name="T5" fmla="*/ 2 h 3"/>
                  <a:gd name="T6" fmla="*/ 0 w 3"/>
                  <a:gd name="T7" fmla="*/ 0 h 3"/>
                  <a:gd name="T8" fmla="*/ 1 w 3"/>
                  <a:gd name="T9" fmla="*/ 0 h 3"/>
                  <a:gd name="T10" fmla="*/ 1 w 3"/>
                  <a:gd name="T11" fmla="*/ 0 h 3"/>
                  <a:gd name="T12" fmla="*/ 3 w 3"/>
                  <a:gd name="T13" fmla="*/ 0 h 3"/>
                  <a:gd name="T14" fmla="*/ 3 w 3"/>
                  <a:gd name="T15" fmla="*/ 2 h 3"/>
                  <a:gd name="T16" fmla="*/ 1 w 3"/>
                  <a:gd name="T17" fmla="*/ 3 h 3"/>
                  <a:gd name="T18" fmla="*/ 1 w 3"/>
                  <a:gd name="T19" fmla="*/ 3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3" h="3">
                    <a:moveTo>
                      <a:pt x="1" y="3"/>
                    </a:moveTo>
                    <a:lnTo>
                      <a:pt x="1" y="3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1" y="0"/>
                    </a:lnTo>
                    <a:lnTo>
                      <a:pt x="1" y="0"/>
                    </a:lnTo>
                    <a:lnTo>
                      <a:pt x="3" y="0"/>
                    </a:lnTo>
                    <a:lnTo>
                      <a:pt x="3" y="2"/>
                    </a:lnTo>
                    <a:lnTo>
                      <a:pt x="1" y="3"/>
                    </a:lnTo>
                    <a:lnTo>
                      <a:pt x="1" y="3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26" name="Freeform 100">
                <a:extLst>
                  <a:ext uri="{FF2B5EF4-FFF2-40B4-BE49-F238E27FC236}">
                    <a16:creationId xmlns:a16="http://schemas.microsoft.com/office/drawing/2014/main" id="{DCBC0A5B-C8A2-6647-8B26-443EFD431DD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73883" y="4921052"/>
                <a:ext cx="3572" cy="3572"/>
              </a:xfrm>
              <a:custGeom>
                <a:avLst/>
                <a:gdLst>
                  <a:gd name="T0" fmla="*/ 2 w 3"/>
                  <a:gd name="T1" fmla="*/ 3 h 3"/>
                  <a:gd name="T2" fmla="*/ 2 w 3"/>
                  <a:gd name="T3" fmla="*/ 3 h 3"/>
                  <a:gd name="T4" fmla="*/ 0 w 3"/>
                  <a:gd name="T5" fmla="*/ 2 h 3"/>
                  <a:gd name="T6" fmla="*/ 0 w 3"/>
                  <a:gd name="T7" fmla="*/ 0 h 3"/>
                  <a:gd name="T8" fmla="*/ 2 w 3"/>
                  <a:gd name="T9" fmla="*/ 0 h 3"/>
                  <a:gd name="T10" fmla="*/ 2 w 3"/>
                  <a:gd name="T11" fmla="*/ 0 h 3"/>
                  <a:gd name="T12" fmla="*/ 3 w 3"/>
                  <a:gd name="T13" fmla="*/ 0 h 3"/>
                  <a:gd name="T14" fmla="*/ 3 w 3"/>
                  <a:gd name="T15" fmla="*/ 2 h 3"/>
                  <a:gd name="T16" fmla="*/ 2 w 3"/>
                  <a:gd name="T17" fmla="*/ 3 h 3"/>
                  <a:gd name="T18" fmla="*/ 2 w 3"/>
                  <a:gd name="T19" fmla="*/ 3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3" h="3">
                    <a:moveTo>
                      <a:pt x="2" y="3"/>
                    </a:moveTo>
                    <a:lnTo>
                      <a:pt x="2" y="3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3" y="2"/>
                    </a:lnTo>
                    <a:lnTo>
                      <a:pt x="2" y="3"/>
                    </a:lnTo>
                    <a:lnTo>
                      <a:pt x="2" y="3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27" name="Freeform 101">
                <a:extLst>
                  <a:ext uri="{FF2B5EF4-FFF2-40B4-BE49-F238E27FC236}">
                    <a16:creationId xmlns:a16="http://schemas.microsoft.com/office/drawing/2014/main" id="{2BF3888F-7D04-144A-A10D-3A18C6044CE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50145" y="4921052"/>
                <a:ext cx="3572" cy="3572"/>
              </a:xfrm>
              <a:custGeom>
                <a:avLst/>
                <a:gdLst>
                  <a:gd name="T0" fmla="*/ 1 w 3"/>
                  <a:gd name="T1" fmla="*/ 3 h 3"/>
                  <a:gd name="T2" fmla="*/ 1 w 3"/>
                  <a:gd name="T3" fmla="*/ 3 h 3"/>
                  <a:gd name="T4" fmla="*/ 0 w 3"/>
                  <a:gd name="T5" fmla="*/ 2 h 3"/>
                  <a:gd name="T6" fmla="*/ 0 w 3"/>
                  <a:gd name="T7" fmla="*/ 0 h 3"/>
                  <a:gd name="T8" fmla="*/ 1 w 3"/>
                  <a:gd name="T9" fmla="*/ 0 h 3"/>
                  <a:gd name="T10" fmla="*/ 1 w 3"/>
                  <a:gd name="T11" fmla="*/ 0 h 3"/>
                  <a:gd name="T12" fmla="*/ 3 w 3"/>
                  <a:gd name="T13" fmla="*/ 0 h 3"/>
                  <a:gd name="T14" fmla="*/ 3 w 3"/>
                  <a:gd name="T15" fmla="*/ 2 h 3"/>
                  <a:gd name="T16" fmla="*/ 1 w 3"/>
                  <a:gd name="T17" fmla="*/ 3 h 3"/>
                  <a:gd name="T18" fmla="*/ 1 w 3"/>
                  <a:gd name="T19" fmla="*/ 3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3" h="3">
                    <a:moveTo>
                      <a:pt x="1" y="3"/>
                    </a:moveTo>
                    <a:lnTo>
                      <a:pt x="1" y="3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1" y="0"/>
                    </a:lnTo>
                    <a:lnTo>
                      <a:pt x="1" y="0"/>
                    </a:lnTo>
                    <a:lnTo>
                      <a:pt x="3" y="0"/>
                    </a:lnTo>
                    <a:lnTo>
                      <a:pt x="3" y="2"/>
                    </a:lnTo>
                    <a:lnTo>
                      <a:pt x="1" y="3"/>
                    </a:lnTo>
                    <a:lnTo>
                      <a:pt x="1" y="3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28" name="Freeform 102">
                <a:extLst>
                  <a:ext uri="{FF2B5EF4-FFF2-40B4-BE49-F238E27FC236}">
                    <a16:creationId xmlns:a16="http://schemas.microsoft.com/office/drawing/2014/main" id="{50E6EA30-96CB-8A4B-A473-46E901BBB53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25217" y="4921052"/>
                <a:ext cx="3572" cy="3572"/>
              </a:xfrm>
              <a:custGeom>
                <a:avLst/>
                <a:gdLst>
                  <a:gd name="T0" fmla="*/ 2 w 3"/>
                  <a:gd name="T1" fmla="*/ 3 h 3"/>
                  <a:gd name="T2" fmla="*/ 2 w 3"/>
                  <a:gd name="T3" fmla="*/ 3 h 3"/>
                  <a:gd name="T4" fmla="*/ 0 w 3"/>
                  <a:gd name="T5" fmla="*/ 2 h 3"/>
                  <a:gd name="T6" fmla="*/ 0 w 3"/>
                  <a:gd name="T7" fmla="*/ 0 h 3"/>
                  <a:gd name="T8" fmla="*/ 2 w 3"/>
                  <a:gd name="T9" fmla="*/ 0 h 3"/>
                  <a:gd name="T10" fmla="*/ 2 w 3"/>
                  <a:gd name="T11" fmla="*/ 0 h 3"/>
                  <a:gd name="T12" fmla="*/ 3 w 3"/>
                  <a:gd name="T13" fmla="*/ 0 h 3"/>
                  <a:gd name="T14" fmla="*/ 3 w 3"/>
                  <a:gd name="T15" fmla="*/ 2 h 3"/>
                  <a:gd name="T16" fmla="*/ 2 w 3"/>
                  <a:gd name="T17" fmla="*/ 3 h 3"/>
                  <a:gd name="T18" fmla="*/ 2 w 3"/>
                  <a:gd name="T19" fmla="*/ 3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3" h="3">
                    <a:moveTo>
                      <a:pt x="2" y="3"/>
                    </a:moveTo>
                    <a:lnTo>
                      <a:pt x="2" y="3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2" y="0"/>
                    </a:lnTo>
                    <a:lnTo>
                      <a:pt x="2" y="0"/>
                    </a:lnTo>
                    <a:lnTo>
                      <a:pt x="3" y="0"/>
                    </a:lnTo>
                    <a:lnTo>
                      <a:pt x="3" y="2"/>
                    </a:lnTo>
                    <a:lnTo>
                      <a:pt x="2" y="3"/>
                    </a:lnTo>
                    <a:lnTo>
                      <a:pt x="2" y="3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29" name="Freeform 103">
                <a:extLst>
                  <a:ext uri="{FF2B5EF4-FFF2-40B4-BE49-F238E27FC236}">
                    <a16:creationId xmlns:a16="http://schemas.microsoft.com/office/drawing/2014/main" id="{36A76056-0747-C24B-BDB5-8522E05F634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701479" y="4921052"/>
                <a:ext cx="3572" cy="3572"/>
              </a:xfrm>
              <a:custGeom>
                <a:avLst/>
                <a:gdLst>
                  <a:gd name="T0" fmla="*/ 1 w 3"/>
                  <a:gd name="T1" fmla="*/ 3 h 3"/>
                  <a:gd name="T2" fmla="*/ 1 w 3"/>
                  <a:gd name="T3" fmla="*/ 3 h 3"/>
                  <a:gd name="T4" fmla="*/ 0 w 3"/>
                  <a:gd name="T5" fmla="*/ 2 h 3"/>
                  <a:gd name="T6" fmla="*/ 0 w 3"/>
                  <a:gd name="T7" fmla="*/ 0 h 3"/>
                  <a:gd name="T8" fmla="*/ 1 w 3"/>
                  <a:gd name="T9" fmla="*/ 0 h 3"/>
                  <a:gd name="T10" fmla="*/ 1 w 3"/>
                  <a:gd name="T11" fmla="*/ 0 h 3"/>
                  <a:gd name="T12" fmla="*/ 3 w 3"/>
                  <a:gd name="T13" fmla="*/ 0 h 3"/>
                  <a:gd name="T14" fmla="*/ 3 w 3"/>
                  <a:gd name="T15" fmla="*/ 2 h 3"/>
                  <a:gd name="T16" fmla="*/ 1 w 3"/>
                  <a:gd name="T17" fmla="*/ 3 h 3"/>
                  <a:gd name="T18" fmla="*/ 1 w 3"/>
                  <a:gd name="T19" fmla="*/ 3 h 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3" h="3">
                    <a:moveTo>
                      <a:pt x="1" y="3"/>
                    </a:moveTo>
                    <a:lnTo>
                      <a:pt x="1" y="3"/>
                    </a:lnTo>
                    <a:lnTo>
                      <a:pt x="0" y="2"/>
                    </a:lnTo>
                    <a:lnTo>
                      <a:pt x="0" y="0"/>
                    </a:lnTo>
                    <a:lnTo>
                      <a:pt x="1" y="0"/>
                    </a:lnTo>
                    <a:lnTo>
                      <a:pt x="1" y="0"/>
                    </a:lnTo>
                    <a:lnTo>
                      <a:pt x="3" y="0"/>
                    </a:lnTo>
                    <a:lnTo>
                      <a:pt x="3" y="2"/>
                    </a:lnTo>
                    <a:lnTo>
                      <a:pt x="1" y="3"/>
                    </a:lnTo>
                    <a:lnTo>
                      <a:pt x="1" y="3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45" name="Freeform 119">
                <a:extLst>
                  <a:ext uri="{FF2B5EF4-FFF2-40B4-BE49-F238E27FC236}">
                    <a16:creationId xmlns:a16="http://schemas.microsoft.com/office/drawing/2014/main" id="{C080B7E6-D847-EE46-B2A9-6FC7B08CF61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98773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46" name="Freeform 120">
                <a:extLst>
                  <a:ext uri="{FF2B5EF4-FFF2-40B4-BE49-F238E27FC236}">
                    <a16:creationId xmlns:a16="http://schemas.microsoft.com/office/drawing/2014/main" id="{1A26B68A-D657-4045-B502-17B7D92972C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170210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47" name="Freeform 121">
                <a:extLst>
                  <a:ext uri="{FF2B5EF4-FFF2-40B4-BE49-F238E27FC236}">
                    <a16:creationId xmlns:a16="http://schemas.microsoft.com/office/drawing/2014/main" id="{D21A7093-F2DA-A24D-90E6-C3D24DB00D6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26170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48" name="Freeform 122">
                <a:extLst>
                  <a:ext uri="{FF2B5EF4-FFF2-40B4-BE49-F238E27FC236}">
                    <a16:creationId xmlns:a16="http://schemas.microsoft.com/office/drawing/2014/main" id="{16D84FED-6BE8-3C4E-80A0-6E3B2D3A96A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271414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49" name="Freeform 123">
                <a:extLst>
                  <a:ext uri="{FF2B5EF4-FFF2-40B4-BE49-F238E27FC236}">
                    <a16:creationId xmlns:a16="http://schemas.microsoft.com/office/drawing/2014/main" id="{E829F84C-EE26-7A49-8120-4B4BCADD64D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10704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50" name="Freeform 124">
                <a:extLst>
                  <a:ext uri="{FF2B5EF4-FFF2-40B4-BE49-F238E27FC236}">
                    <a16:creationId xmlns:a16="http://schemas.microsoft.com/office/drawing/2014/main" id="{FB204E78-A393-1A48-820D-5F28E55E023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44042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51" name="Freeform 125">
                <a:extLst>
                  <a:ext uri="{FF2B5EF4-FFF2-40B4-BE49-F238E27FC236}">
                    <a16:creationId xmlns:a16="http://schemas.microsoft.com/office/drawing/2014/main" id="{E931086B-470A-0F46-96E5-CCBD5D82BE0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373808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52" name="Freeform 126">
                <a:extLst>
                  <a:ext uri="{FF2B5EF4-FFF2-40B4-BE49-F238E27FC236}">
                    <a16:creationId xmlns:a16="http://schemas.microsoft.com/office/drawing/2014/main" id="{19C80953-8E0A-A54A-AED1-31DAC4FC22B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572642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53" name="Freeform 127">
                <a:extLst>
                  <a:ext uri="{FF2B5EF4-FFF2-40B4-BE49-F238E27FC236}">
                    <a16:creationId xmlns:a16="http://schemas.microsoft.com/office/drawing/2014/main" id="{CC2E6E1E-5FC7-C742-B45C-00E6684F7B5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675035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54" name="Freeform 128">
                <a:extLst>
                  <a:ext uri="{FF2B5EF4-FFF2-40B4-BE49-F238E27FC236}">
                    <a16:creationId xmlns:a16="http://schemas.microsoft.com/office/drawing/2014/main" id="{41B82D8C-3DC3-3344-81CF-1CFBC43D353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45283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55" name="Freeform 129">
                <a:extLst>
                  <a:ext uri="{FF2B5EF4-FFF2-40B4-BE49-F238E27FC236}">
                    <a16:creationId xmlns:a16="http://schemas.microsoft.com/office/drawing/2014/main" id="{F9928948-1953-0749-9927-46410100230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01242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56" name="Freeform 130">
                <a:extLst>
                  <a:ext uri="{FF2B5EF4-FFF2-40B4-BE49-F238E27FC236}">
                    <a16:creationId xmlns:a16="http://schemas.microsoft.com/office/drawing/2014/main" id="{071DE602-DCF1-FE44-B395-18C03B02C25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47676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57" name="Freeform 131">
                <a:extLst>
                  <a:ext uri="{FF2B5EF4-FFF2-40B4-BE49-F238E27FC236}">
                    <a16:creationId xmlns:a16="http://schemas.microsoft.com/office/drawing/2014/main" id="{B341BD7F-2782-EA46-A533-21275D8E669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885776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58" name="Freeform 132">
                <a:extLst>
                  <a:ext uri="{FF2B5EF4-FFF2-40B4-BE49-F238E27FC236}">
                    <a16:creationId xmlns:a16="http://schemas.microsoft.com/office/drawing/2014/main" id="{010D3246-DBF0-D546-9F6C-BE20DC6C1FC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20304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59" name="Freeform 133">
                <a:extLst>
                  <a:ext uri="{FF2B5EF4-FFF2-40B4-BE49-F238E27FC236}">
                    <a16:creationId xmlns:a16="http://schemas.microsoft.com/office/drawing/2014/main" id="{1F8C096F-649C-CB4A-84CE-117659CE355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948879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60" name="Freeform 134">
                <a:extLst>
                  <a:ext uri="{FF2B5EF4-FFF2-40B4-BE49-F238E27FC236}">
                    <a16:creationId xmlns:a16="http://schemas.microsoft.com/office/drawing/2014/main" id="{5964F125-46D5-4E46-8AF3-6274BBBF5E0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148904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61" name="Freeform 135">
                <a:extLst>
                  <a:ext uri="{FF2B5EF4-FFF2-40B4-BE49-F238E27FC236}">
                    <a16:creationId xmlns:a16="http://schemas.microsoft.com/office/drawing/2014/main" id="{E52124C6-469D-AB4A-B11F-EEB724BC5F6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250108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62" name="Freeform 136">
                <a:extLst>
                  <a:ext uri="{FF2B5EF4-FFF2-40B4-BE49-F238E27FC236}">
                    <a16:creationId xmlns:a16="http://schemas.microsoft.com/office/drawing/2014/main" id="{0B83D2D2-571E-5E48-B53B-27E4919AA06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22736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63" name="Freeform 137">
                <a:extLst>
                  <a:ext uri="{FF2B5EF4-FFF2-40B4-BE49-F238E27FC236}">
                    <a16:creationId xmlns:a16="http://schemas.microsoft.com/office/drawing/2014/main" id="{C7DD5C64-D5A6-2A4A-B0B7-773994F4813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377504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64" name="Freeform 138">
                <a:extLst>
                  <a:ext uri="{FF2B5EF4-FFF2-40B4-BE49-F238E27FC236}">
                    <a16:creationId xmlns:a16="http://schemas.microsoft.com/office/drawing/2014/main" id="{FE7E544C-5E4A-264E-8346-41AE395DA78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22748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65" name="Freeform 139">
                <a:extLst>
                  <a:ext uri="{FF2B5EF4-FFF2-40B4-BE49-F238E27FC236}">
                    <a16:creationId xmlns:a16="http://schemas.microsoft.com/office/drawing/2014/main" id="{8971DB4F-D620-3243-B3F5-8157C4C1CB0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62039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66" name="Freeform 140">
                <a:extLst>
                  <a:ext uri="{FF2B5EF4-FFF2-40B4-BE49-F238E27FC236}">
                    <a16:creationId xmlns:a16="http://schemas.microsoft.com/office/drawing/2014/main" id="{4DB9CBF1-1E4E-444E-9CD7-BA038EB32BE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495377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67" name="Freeform 141">
                <a:extLst>
                  <a:ext uri="{FF2B5EF4-FFF2-40B4-BE49-F238E27FC236}">
                    <a16:creationId xmlns:a16="http://schemas.microsoft.com/office/drawing/2014/main" id="{0A1EBA7F-1C56-DA43-8BE2-6AADB4A2A99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525142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68" name="Freeform 142">
                <a:extLst>
                  <a:ext uri="{FF2B5EF4-FFF2-40B4-BE49-F238E27FC236}">
                    <a16:creationId xmlns:a16="http://schemas.microsoft.com/office/drawing/2014/main" id="{A449B0A9-B094-1848-975A-EF22AFFBB57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723977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69" name="Freeform 143">
                <a:extLst>
                  <a:ext uri="{FF2B5EF4-FFF2-40B4-BE49-F238E27FC236}">
                    <a16:creationId xmlns:a16="http://schemas.microsoft.com/office/drawing/2014/main" id="{11EB2995-4AF5-114F-B70C-E0F241EA6A3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26370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70" name="Freeform 144">
                <a:extLst>
                  <a:ext uri="{FF2B5EF4-FFF2-40B4-BE49-F238E27FC236}">
                    <a16:creationId xmlns:a16="http://schemas.microsoft.com/office/drawing/2014/main" id="{A699894C-60AB-1346-B142-DD085BC885F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897808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71" name="Freeform 145">
                <a:extLst>
                  <a:ext uri="{FF2B5EF4-FFF2-40B4-BE49-F238E27FC236}">
                    <a16:creationId xmlns:a16="http://schemas.microsoft.com/office/drawing/2014/main" id="{73176C88-E6EE-0246-96FE-CDD67C8ECD2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53767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72" name="Freeform 146">
                <a:extLst>
                  <a:ext uri="{FF2B5EF4-FFF2-40B4-BE49-F238E27FC236}">
                    <a16:creationId xmlns:a16="http://schemas.microsoft.com/office/drawing/2014/main" id="{AA2C3A77-F437-B64D-B8F7-7781D1C88A6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2999011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73" name="Freeform 147">
                <a:extLst>
                  <a:ext uri="{FF2B5EF4-FFF2-40B4-BE49-F238E27FC236}">
                    <a16:creationId xmlns:a16="http://schemas.microsoft.com/office/drawing/2014/main" id="{169D1DF0-7AAC-8041-A494-589941EF64B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37111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74" name="Freeform 148">
                <a:extLst>
                  <a:ext uri="{FF2B5EF4-FFF2-40B4-BE49-F238E27FC236}">
                    <a16:creationId xmlns:a16="http://schemas.microsoft.com/office/drawing/2014/main" id="{33E9CF1C-AFC3-A74D-AD1E-55BE09D9351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071639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75" name="Freeform 149">
                <a:extLst>
                  <a:ext uri="{FF2B5EF4-FFF2-40B4-BE49-F238E27FC236}">
                    <a16:creationId xmlns:a16="http://schemas.microsoft.com/office/drawing/2014/main" id="{73E207D2-3D87-F842-89E2-94DDB990444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101404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76" name="Freeform 150">
                <a:extLst>
                  <a:ext uri="{FF2B5EF4-FFF2-40B4-BE49-F238E27FC236}">
                    <a16:creationId xmlns:a16="http://schemas.microsoft.com/office/drawing/2014/main" id="{3A5BA6C8-F1A0-8643-82AC-7C5A13300C6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300239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77" name="Freeform 151">
                <a:extLst>
                  <a:ext uri="{FF2B5EF4-FFF2-40B4-BE49-F238E27FC236}">
                    <a16:creationId xmlns:a16="http://schemas.microsoft.com/office/drawing/2014/main" id="{DC16F2D5-FD36-0648-946F-BC977D413C6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01442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78" name="Freeform 152">
                <a:extLst>
                  <a:ext uri="{FF2B5EF4-FFF2-40B4-BE49-F238E27FC236}">
                    <a16:creationId xmlns:a16="http://schemas.microsoft.com/office/drawing/2014/main" id="{B93A5C7C-2068-CD42-AE3E-71AD9C03219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74070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79" name="Freeform 153">
                <a:extLst>
                  <a:ext uri="{FF2B5EF4-FFF2-40B4-BE49-F238E27FC236}">
                    <a16:creationId xmlns:a16="http://schemas.microsoft.com/office/drawing/2014/main" id="{E76C8A8C-3121-A642-85B4-791350D8942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28839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80" name="Freeform 154">
                <a:extLst>
                  <a:ext uri="{FF2B5EF4-FFF2-40B4-BE49-F238E27FC236}">
                    <a16:creationId xmlns:a16="http://schemas.microsoft.com/office/drawing/2014/main" id="{9C698094-F7ED-7844-93D4-37673DB77EF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575273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81" name="Freeform 155">
                <a:extLst>
                  <a:ext uri="{FF2B5EF4-FFF2-40B4-BE49-F238E27FC236}">
                    <a16:creationId xmlns:a16="http://schemas.microsoft.com/office/drawing/2014/main" id="{147EB2D3-EF08-5F40-BC55-AFE061A2955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13373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82" name="Freeform 156">
                <a:extLst>
                  <a:ext uri="{FF2B5EF4-FFF2-40B4-BE49-F238E27FC236}">
                    <a16:creationId xmlns:a16="http://schemas.microsoft.com/office/drawing/2014/main" id="{2534EE08-AD19-4A45-BCC7-D94EA8AB2BD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46711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83" name="Freeform 157">
                <a:extLst>
                  <a:ext uri="{FF2B5EF4-FFF2-40B4-BE49-F238E27FC236}">
                    <a16:creationId xmlns:a16="http://schemas.microsoft.com/office/drawing/2014/main" id="{A87B22E3-C725-704E-AD55-62E8EB9EC99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676477" y="4902002"/>
                <a:ext cx="0" cy="20241"/>
              </a:xfrm>
              <a:custGeom>
                <a:avLst/>
                <a:gdLst>
                  <a:gd name="T0" fmla="*/ 17 h 17"/>
                  <a:gd name="T1" fmla="*/ 17 h 17"/>
                  <a:gd name="T2" fmla="*/ 0 h 17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7">
                    <a:moveTo>
                      <a:pt x="0" y="17"/>
                    </a:moveTo>
                    <a:lnTo>
                      <a:pt x="0" y="17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84" name="Freeform 158">
                <a:extLst>
                  <a:ext uri="{FF2B5EF4-FFF2-40B4-BE49-F238E27FC236}">
                    <a16:creationId xmlns:a16="http://schemas.microsoft.com/office/drawing/2014/main" id="{328DA350-BAA2-364F-979F-9E7CE701D0C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9008" y="2929136"/>
                <a:ext cx="0" cy="1916906"/>
              </a:xfrm>
              <a:custGeom>
                <a:avLst/>
                <a:gdLst>
                  <a:gd name="T0" fmla="*/ 1611 h 1611"/>
                  <a:gd name="T1" fmla="*/ 1611 h 1611"/>
                  <a:gd name="T2" fmla="*/ 0 h 1611"/>
                </a:gdLst>
                <a:ahLst/>
                <a:cxnLst>
                  <a:cxn ang="0">
                    <a:pos x="0" y="T0"/>
                  </a:cxn>
                  <a:cxn ang="0">
                    <a:pos x="0" y="T1"/>
                  </a:cxn>
                  <a:cxn ang="0">
                    <a:pos x="0" y="T2"/>
                  </a:cxn>
                </a:cxnLst>
                <a:rect l="0" t="0" r="r" b="b"/>
                <a:pathLst>
                  <a:path h="1611">
                    <a:moveTo>
                      <a:pt x="0" y="1611"/>
                    </a:moveTo>
                    <a:lnTo>
                      <a:pt x="0" y="1611"/>
                    </a:lnTo>
                    <a:lnTo>
                      <a:pt x="0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85" name="Freeform 159">
                <a:extLst>
                  <a:ext uri="{FF2B5EF4-FFF2-40B4-BE49-F238E27FC236}">
                    <a16:creationId xmlns:a16="http://schemas.microsoft.com/office/drawing/2014/main" id="{3CB3B1FF-1AE6-E042-8C7B-D7E83C9346F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9008" y="4846042"/>
                <a:ext cx="41672" cy="0"/>
              </a:xfrm>
              <a:custGeom>
                <a:avLst/>
                <a:gdLst>
                  <a:gd name="T0" fmla="*/ 0 w 35"/>
                  <a:gd name="T1" fmla="*/ 0 w 35"/>
                  <a:gd name="T2" fmla="*/ 35 w 35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</a:cxnLst>
                <a:rect l="0" t="0" r="r" b="b"/>
                <a:pathLst>
                  <a:path w="35">
                    <a:moveTo>
                      <a:pt x="0" y="0"/>
                    </a:moveTo>
                    <a:lnTo>
                      <a:pt x="0" y="0"/>
                    </a:lnTo>
                    <a:lnTo>
                      <a:pt x="35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86" name="Freeform 160">
                <a:extLst>
                  <a:ext uri="{FF2B5EF4-FFF2-40B4-BE49-F238E27FC236}">
                    <a16:creationId xmlns:a16="http://schemas.microsoft.com/office/drawing/2014/main" id="{36A23D84-220E-8F46-8398-3085538FB4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9008" y="4366221"/>
                <a:ext cx="41672" cy="0"/>
              </a:xfrm>
              <a:custGeom>
                <a:avLst/>
                <a:gdLst>
                  <a:gd name="T0" fmla="*/ 0 w 35"/>
                  <a:gd name="T1" fmla="*/ 0 w 35"/>
                  <a:gd name="T2" fmla="*/ 35 w 35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</a:cxnLst>
                <a:rect l="0" t="0" r="r" b="b"/>
                <a:pathLst>
                  <a:path w="35">
                    <a:moveTo>
                      <a:pt x="0" y="0"/>
                    </a:moveTo>
                    <a:lnTo>
                      <a:pt x="0" y="0"/>
                    </a:lnTo>
                    <a:lnTo>
                      <a:pt x="35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87" name="Freeform 161">
                <a:extLst>
                  <a:ext uri="{FF2B5EF4-FFF2-40B4-BE49-F238E27FC236}">
                    <a16:creationId xmlns:a16="http://schemas.microsoft.com/office/drawing/2014/main" id="{1D524309-FF20-C644-B1BC-4C7DD24B62B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9008" y="3887590"/>
                <a:ext cx="41672" cy="0"/>
              </a:xfrm>
              <a:custGeom>
                <a:avLst/>
                <a:gdLst>
                  <a:gd name="T0" fmla="*/ 0 w 35"/>
                  <a:gd name="T1" fmla="*/ 0 w 35"/>
                  <a:gd name="T2" fmla="*/ 35 w 35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</a:cxnLst>
                <a:rect l="0" t="0" r="r" b="b"/>
                <a:pathLst>
                  <a:path w="35">
                    <a:moveTo>
                      <a:pt x="0" y="0"/>
                    </a:moveTo>
                    <a:lnTo>
                      <a:pt x="0" y="0"/>
                    </a:lnTo>
                    <a:lnTo>
                      <a:pt x="35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88" name="Freeform 162">
                <a:extLst>
                  <a:ext uri="{FF2B5EF4-FFF2-40B4-BE49-F238E27FC236}">
                    <a16:creationId xmlns:a16="http://schemas.microsoft.com/office/drawing/2014/main" id="{63198339-D6AD-D84E-AB98-47D10C4C565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9008" y="3408958"/>
                <a:ext cx="41672" cy="0"/>
              </a:xfrm>
              <a:custGeom>
                <a:avLst/>
                <a:gdLst>
                  <a:gd name="T0" fmla="*/ 0 w 35"/>
                  <a:gd name="T1" fmla="*/ 0 w 35"/>
                  <a:gd name="T2" fmla="*/ 35 w 35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</a:cxnLst>
                <a:rect l="0" t="0" r="r" b="b"/>
                <a:pathLst>
                  <a:path w="35">
                    <a:moveTo>
                      <a:pt x="0" y="0"/>
                    </a:moveTo>
                    <a:lnTo>
                      <a:pt x="0" y="0"/>
                    </a:lnTo>
                    <a:lnTo>
                      <a:pt x="35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89" name="Freeform 163">
                <a:extLst>
                  <a:ext uri="{FF2B5EF4-FFF2-40B4-BE49-F238E27FC236}">
                    <a16:creationId xmlns:a16="http://schemas.microsoft.com/office/drawing/2014/main" id="{42F373A1-76D1-A540-BA35-592F5A4266E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9008" y="2929136"/>
                <a:ext cx="41672" cy="0"/>
              </a:xfrm>
              <a:custGeom>
                <a:avLst/>
                <a:gdLst>
                  <a:gd name="T0" fmla="*/ 0 w 35"/>
                  <a:gd name="T1" fmla="*/ 0 w 35"/>
                  <a:gd name="T2" fmla="*/ 35 w 35"/>
                </a:gdLst>
                <a:ahLst/>
                <a:cxnLst>
                  <a:cxn ang="0">
                    <a:pos x="T0" y="0"/>
                  </a:cxn>
                  <a:cxn ang="0">
                    <a:pos x="T1" y="0"/>
                  </a:cxn>
                  <a:cxn ang="0">
                    <a:pos x="T2" y="0"/>
                  </a:cxn>
                </a:cxnLst>
                <a:rect l="0" t="0" r="r" b="b"/>
                <a:pathLst>
                  <a:path w="35">
                    <a:moveTo>
                      <a:pt x="0" y="0"/>
                    </a:moveTo>
                    <a:lnTo>
                      <a:pt x="0" y="0"/>
                    </a:lnTo>
                    <a:lnTo>
                      <a:pt x="35" y="0"/>
                    </a:lnTo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90" name="Freeform 164">
                <a:extLst>
                  <a:ext uri="{FF2B5EF4-FFF2-40B4-BE49-F238E27FC236}">
                    <a16:creationId xmlns:a16="http://schemas.microsoft.com/office/drawing/2014/main" id="{B4E85B57-33C4-3B4F-8F00-D1FE7CBE3190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951135" y="4866283"/>
                <a:ext cx="79772" cy="53579"/>
              </a:xfrm>
              <a:custGeom>
                <a:avLst/>
                <a:gdLst>
                  <a:gd name="T0" fmla="*/ 0 w 67"/>
                  <a:gd name="T1" fmla="*/ 23 h 45"/>
                  <a:gd name="T2" fmla="*/ 0 w 67"/>
                  <a:gd name="T3" fmla="*/ 23 h 45"/>
                  <a:gd name="T4" fmla="*/ 10 w 67"/>
                  <a:gd name="T5" fmla="*/ 4 h 45"/>
                  <a:gd name="T6" fmla="*/ 32 w 67"/>
                  <a:gd name="T7" fmla="*/ 0 h 45"/>
                  <a:gd name="T8" fmla="*/ 54 w 67"/>
                  <a:gd name="T9" fmla="*/ 4 h 45"/>
                  <a:gd name="T10" fmla="*/ 67 w 67"/>
                  <a:gd name="T11" fmla="*/ 23 h 45"/>
                  <a:gd name="T12" fmla="*/ 56 w 67"/>
                  <a:gd name="T13" fmla="*/ 40 h 45"/>
                  <a:gd name="T14" fmla="*/ 34 w 67"/>
                  <a:gd name="T15" fmla="*/ 45 h 45"/>
                  <a:gd name="T16" fmla="*/ 15 w 67"/>
                  <a:gd name="T17" fmla="*/ 42 h 45"/>
                  <a:gd name="T18" fmla="*/ 0 w 67"/>
                  <a:gd name="T19" fmla="*/ 23 h 45"/>
                  <a:gd name="T20" fmla="*/ 0 w 67"/>
                  <a:gd name="T21" fmla="*/ 23 h 45"/>
                  <a:gd name="T22" fmla="*/ 59 w 67"/>
                  <a:gd name="T23" fmla="*/ 23 h 45"/>
                  <a:gd name="T24" fmla="*/ 59 w 67"/>
                  <a:gd name="T25" fmla="*/ 23 h 45"/>
                  <a:gd name="T26" fmla="*/ 54 w 67"/>
                  <a:gd name="T27" fmla="*/ 13 h 45"/>
                  <a:gd name="T28" fmla="*/ 33 w 67"/>
                  <a:gd name="T29" fmla="*/ 9 h 45"/>
                  <a:gd name="T30" fmla="*/ 14 w 67"/>
                  <a:gd name="T31" fmla="*/ 12 h 45"/>
                  <a:gd name="T32" fmla="*/ 7 w 67"/>
                  <a:gd name="T33" fmla="*/ 22 h 45"/>
                  <a:gd name="T34" fmla="*/ 14 w 67"/>
                  <a:gd name="T35" fmla="*/ 33 h 45"/>
                  <a:gd name="T36" fmla="*/ 34 w 67"/>
                  <a:gd name="T37" fmla="*/ 36 h 45"/>
                  <a:gd name="T38" fmla="*/ 50 w 67"/>
                  <a:gd name="T39" fmla="*/ 34 h 45"/>
                  <a:gd name="T40" fmla="*/ 59 w 67"/>
                  <a:gd name="T41" fmla="*/ 23 h 45"/>
                  <a:gd name="T42" fmla="*/ 59 w 67"/>
                  <a:gd name="T43" fmla="*/ 23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</a:cxnLst>
                <a:rect l="0" t="0" r="r" b="b"/>
                <a:pathLst>
                  <a:path w="67" h="45">
                    <a:moveTo>
                      <a:pt x="0" y="23"/>
                    </a:moveTo>
                    <a:lnTo>
                      <a:pt x="0" y="23"/>
                    </a:lnTo>
                    <a:cubicBezTo>
                      <a:pt x="0" y="14"/>
                      <a:pt x="3" y="8"/>
                      <a:pt x="10" y="4"/>
                    </a:cubicBezTo>
                    <a:cubicBezTo>
                      <a:pt x="16" y="1"/>
                      <a:pt x="23" y="0"/>
                      <a:pt x="32" y="0"/>
                    </a:cubicBezTo>
                    <a:cubicBezTo>
                      <a:pt x="41" y="0"/>
                      <a:pt x="48" y="1"/>
                      <a:pt x="54" y="4"/>
                    </a:cubicBezTo>
                    <a:cubicBezTo>
                      <a:pt x="62" y="8"/>
                      <a:pt x="67" y="14"/>
                      <a:pt x="67" y="23"/>
                    </a:cubicBezTo>
                    <a:cubicBezTo>
                      <a:pt x="67" y="30"/>
                      <a:pt x="63" y="36"/>
                      <a:pt x="56" y="40"/>
                    </a:cubicBezTo>
                    <a:cubicBezTo>
                      <a:pt x="51" y="43"/>
                      <a:pt x="43" y="45"/>
                      <a:pt x="34" y="45"/>
                    </a:cubicBezTo>
                    <a:cubicBezTo>
                      <a:pt x="26" y="45"/>
                      <a:pt x="20" y="44"/>
                      <a:pt x="15" y="42"/>
                    </a:cubicBezTo>
                    <a:cubicBezTo>
                      <a:pt x="5" y="38"/>
                      <a:pt x="0" y="32"/>
                      <a:pt x="0" y="23"/>
                    </a:cubicBezTo>
                    <a:lnTo>
                      <a:pt x="0" y="23"/>
                    </a:lnTo>
                    <a:close/>
                    <a:moveTo>
                      <a:pt x="59" y="23"/>
                    </a:moveTo>
                    <a:lnTo>
                      <a:pt x="59" y="23"/>
                    </a:lnTo>
                    <a:cubicBezTo>
                      <a:pt x="59" y="18"/>
                      <a:pt x="57" y="15"/>
                      <a:pt x="54" y="13"/>
                    </a:cubicBezTo>
                    <a:cubicBezTo>
                      <a:pt x="50" y="10"/>
                      <a:pt x="43" y="9"/>
                      <a:pt x="33" y="9"/>
                    </a:cubicBezTo>
                    <a:cubicBezTo>
                      <a:pt x="25" y="9"/>
                      <a:pt x="19" y="10"/>
                      <a:pt x="14" y="12"/>
                    </a:cubicBezTo>
                    <a:cubicBezTo>
                      <a:pt x="10" y="13"/>
                      <a:pt x="7" y="17"/>
                      <a:pt x="7" y="22"/>
                    </a:cubicBezTo>
                    <a:cubicBezTo>
                      <a:pt x="7" y="27"/>
                      <a:pt x="9" y="30"/>
                      <a:pt x="14" y="33"/>
                    </a:cubicBezTo>
                    <a:cubicBezTo>
                      <a:pt x="18" y="35"/>
                      <a:pt x="25" y="36"/>
                      <a:pt x="34" y="36"/>
                    </a:cubicBezTo>
                    <a:cubicBezTo>
                      <a:pt x="41" y="36"/>
                      <a:pt x="46" y="35"/>
                      <a:pt x="50" y="34"/>
                    </a:cubicBezTo>
                    <a:cubicBezTo>
                      <a:pt x="56" y="32"/>
                      <a:pt x="59" y="28"/>
                      <a:pt x="59" y="23"/>
                    </a:cubicBezTo>
                    <a:lnTo>
                      <a:pt x="59" y="23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91" name="Freeform 165">
                <a:extLst>
                  <a:ext uri="{FF2B5EF4-FFF2-40B4-BE49-F238E27FC236}">
                    <a16:creationId xmlns:a16="http://schemas.microsoft.com/office/drawing/2014/main" id="{A4DCFD98-540E-F341-8995-E847DE213B8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16620" y="4840090"/>
                <a:ext cx="11906" cy="11906"/>
              </a:xfrm>
              <a:custGeom>
                <a:avLst/>
                <a:gdLst>
                  <a:gd name="T0" fmla="*/ 0 w 10"/>
                  <a:gd name="T1" fmla="*/ 10 h 10"/>
                  <a:gd name="T2" fmla="*/ 0 w 10"/>
                  <a:gd name="T3" fmla="*/ 10 h 10"/>
                  <a:gd name="T4" fmla="*/ 0 w 10"/>
                  <a:gd name="T5" fmla="*/ 0 h 10"/>
                  <a:gd name="T6" fmla="*/ 10 w 10"/>
                  <a:gd name="T7" fmla="*/ 0 h 10"/>
                  <a:gd name="T8" fmla="*/ 10 w 10"/>
                  <a:gd name="T9" fmla="*/ 10 h 10"/>
                  <a:gd name="T10" fmla="*/ 0 w 10"/>
                  <a:gd name="T11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0" h="10">
                    <a:moveTo>
                      <a:pt x="0" y="10"/>
                    </a:moveTo>
                    <a:lnTo>
                      <a:pt x="0" y="10"/>
                    </a:lnTo>
                    <a:lnTo>
                      <a:pt x="0" y="0"/>
                    </a:lnTo>
                    <a:lnTo>
                      <a:pt x="10" y="0"/>
                    </a:lnTo>
                    <a:lnTo>
                      <a:pt x="10" y="10"/>
                    </a:lnTo>
                    <a:lnTo>
                      <a:pt x="0" y="10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92" name="Freeform 166">
                <a:extLst>
                  <a:ext uri="{FF2B5EF4-FFF2-40B4-BE49-F238E27FC236}">
                    <a16:creationId xmlns:a16="http://schemas.microsoft.com/office/drawing/2014/main" id="{EF9F5F3C-6230-3943-A76D-04470836FB0E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951135" y="4773415"/>
                <a:ext cx="79772" cy="53579"/>
              </a:xfrm>
              <a:custGeom>
                <a:avLst/>
                <a:gdLst>
                  <a:gd name="T0" fmla="*/ 0 w 67"/>
                  <a:gd name="T1" fmla="*/ 23 h 45"/>
                  <a:gd name="T2" fmla="*/ 0 w 67"/>
                  <a:gd name="T3" fmla="*/ 23 h 45"/>
                  <a:gd name="T4" fmla="*/ 10 w 67"/>
                  <a:gd name="T5" fmla="*/ 5 h 45"/>
                  <a:gd name="T6" fmla="*/ 32 w 67"/>
                  <a:gd name="T7" fmla="*/ 0 h 45"/>
                  <a:gd name="T8" fmla="*/ 54 w 67"/>
                  <a:gd name="T9" fmla="*/ 4 h 45"/>
                  <a:gd name="T10" fmla="*/ 67 w 67"/>
                  <a:gd name="T11" fmla="*/ 23 h 45"/>
                  <a:gd name="T12" fmla="*/ 56 w 67"/>
                  <a:gd name="T13" fmla="*/ 40 h 45"/>
                  <a:gd name="T14" fmla="*/ 34 w 67"/>
                  <a:gd name="T15" fmla="*/ 45 h 45"/>
                  <a:gd name="T16" fmla="*/ 15 w 67"/>
                  <a:gd name="T17" fmla="*/ 42 h 45"/>
                  <a:gd name="T18" fmla="*/ 0 w 67"/>
                  <a:gd name="T19" fmla="*/ 23 h 45"/>
                  <a:gd name="T20" fmla="*/ 0 w 67"/>
                  <a:gd name="T21" fmla="*/ 23 h 45"/>
                  <a:gd name="T22" fmla="*/ 59 w 67"/>
                  <a:gd name="T23" fmla="*/ 23 h 45"/>
                  <a:gd name="T24" fmla="*/ 59 w 67"/>
                  <a:gd name="T25" fmla="*/ 23 h 45"/>
                  <a:gd name="T26" fmla="*/ 54 w 67"/>
                  <a:gd name="T27" fmla="*/ 13 h 45"/>
                  <a:gd name="T28" fmla="*/ 33 w 67"/>
                  <a:gd name="T29" fmla="*/ 9 h 45"/>
                  <a:gd name="T30" fmla="*/ 14 w 67"/>
                  <a:gd name="T31" fmla="*/ 12 h 45"/>
                  <a:gd name="T32" fmla="*/ 7 w 67"/>
                  <a:gd name="T33" fmla="*/ 22 h 45"/>
                  <a:gd name="T34" fmla="*/ 14 w 67"/>
                  <a:gd name="T35" fmla="*/ 33 h 45"/>
                  <a:gd name="T36" fmla="*/ 34 w 67"/>
                  <a:gd name="T37" fmla="*/ 36 h 45"/>
                  <a:gd name="T38" fmla="*/ 50 w 67"/>
                  <a:gd name="T39" fmla="*/ 34 h 45"/>
                  <a:gd name="T40" fmla="*/ 59 w 67"/>
                  <a:gd name="T41" fmla="*/ 23 h 45"/>
                  <a:gd name="T42" fmla="*/ 59 w 67"/>
                  <a:gd name="T43" fmla="*/ 23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</a:cxnLst>
                <a:rect l="0" t="0" r="r" b="b"/>
                <a:pathLst>
                  <a:path w="67" h="45">
                    <a:moveTo>
                      <a:pt x="0" y="23"/>
                    </a:moveTo>
                    <a:lnTo>
                      <a:pt x="0" y="23"/>
                    </a:lnTo>
                    <a:cubicBezTo>
                      <a:pt x="0" y="14"/>
                      <a:pt x="3" y="8"/>
                      <a:pt x="10" y="5"/>
                    </a:cubicBezTo>
                    <a:cubicBezTo>
                      <a:pt x="16" y="2"/>
                      <a:pt x="23" y="0"/>
                      <a:pt x="32" y="0"/>
                    </a:cubicBezTo>
                    <a:cubicBezTo>
                      <a:pt x="41" y="0"/>
                      <a:pt x="48" y="2"/>
                      <a:pt x="54" y="4"/>
                    </a:cubicBezTo>
                    <a:cubicBezTo>
                      <a:pt x="62" y="8"/>
                      <a:pt x="67" y="14"/>
                      <a:pt x="67" y="23"/>
                    </a:cubicBezTo>
                    <a:cubicBezTo>
                      <a:pt x="67" y="31"/>
                      <a:pt x="63" y="36"/>
                      <a:pt x="56" y="40"/>
                    </a:cubicBezTo>
                    <a:cubicBezTo>
                      <a:pt x="51" y="43"/>
                      <a:pt x="43" y="45"/>
                      <a:pt x="34" y="45"/>
                    </a:cubicBezTo>
                    <a:cubicBezTo>
                      <a:pt x="26" y="45"/>
                      <a:pt x="20" y="44"/>
                      <a:pt x="15" y="42"/>
                    </a:cubicBezTo>
                    <a:cubicBezTo>
                      <a:pt x="5" y="39"/>
                      <a:pt x="0" y="32"/>
                      <a:pt x="0" y="23"/>
                    </a:cubicBezTo>
                    <a:lnTo>
                      <a:pt x="0" y="23"/>
                    </a:lnTo>
                    <a:close/>
                    <a:moveTo>
                      <a:pt x="59" y="23"/>
                    </a:moveTo>
                    <a:lnTo>
                      <a:pt x="59" y="23"/>
                    </a:lnTo>
                    <a:cubicBezTo>
                      <a:pt x="59" y="19"/>
                      <a:pt x="57" y="15"/>
                      <a:pt x="54" y="13"/>
                    </a:cubicBezTo>
                    <a:cubicBezTo>
                      <a:pt x="50" y="10"/>
                      <a:pt x="43" y="9"/>
                      <a:pt x="33" y="9"/>
                    </a:cubicBezTo>
                    <a:cubicBezTo>
                      <a:pt x="25" y="9"/>
                      <a:pt x="19" y="10"/>
                      <a:pt x="14" y="12"/>
                    </a:cubicBezTo>
                    <a:cubicBezTo>
                      <a:pt x="10" y="14"/>
                      <a:pt x="7" y="17"/>
                      <a:pt x="7" y="22"/>
                    </a:cubicBezTo>
                    <a:cubicBezTo>
                      <a:pt x="7" y="27"/>
                      <a:pt x="9" y="31"/>
                      <a:pt x="14" y="33"/>
                    </a:cubicBezTo>
                    <a:cubicBezTo>
                      <a:pt x="18" y="35"/>
                      <a:pt x="25" y="36"/>
                      <a:pt x="34" y="36"/>
                    </a:cubicBezTo>
                    <a:cubicBezTo>
                      <a:pt x="41" y="36"/>
                      <a:pt x="46" y="35"/>
                      <a:pt x="50" y="34"/>
                    </a:cubicBezTo>
                    <a:cubicBezTo>
                      <a:pt x="56" y="32"/>
                      <a:pt x="59" y="28"/>
                      <a:pt x="59" y="23"/>
                    </a:cubicBezTo>
                    <a:lnTo>
                      <a:pt x="59" y="23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93" name="Freeform 167">
                <a:extLst>
                  <a:ext uri="{FF2B5EF4-FFF2-40B4-BE49-F238E27FC236}">
                    <a16:creationId xmlns:a16="http://schemas.microsoft.com/office/drawing/2014/main" id="{AC60C196-7893-1146-8849-BE2EC3E0A57B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951135" y="4386461"/>
                <a:ext cx="79772" cy="53579"/>
              </a:xfrm>
              <a:custGeom>
                <a:avLst/>
                <a:gdLst>
                  <a:gd name="T0" fmla="*/ 0 w 67"/>
                  <a:gd name="T1" fmla="*/ 23 h 45"/>
                  <a:gd name="T2" fmla="*/ 0 w 67"/>
                  <a:gd name="T3" fmla="*/ 23 h 45"/>
                  <a:gd name="T4" fmla="*/ 10 w 67"/>
                  <a:gd name="T5" fmla="*/ 5 h 45"/>
                  <a:gd name="T6" fmla="*/ 32 w 67"/>
                  <a:gd name="T7" fmla="*/ 0 h 45"/>
                  <a:gd name="T8" fmla="*/ 54 w 67"/>
                  <a:gd name="T9" fmla="*/ 4 h 45"/>
                  <a:gd name="T10" fmla="*/ 67 w 67"/>
                  <a:gd name="T11" fmla="*/ 23 h 45"/>
                  <a:gd name="T12" fmla="*/ 56 w 67"/>
                  <a:gd name="T13" fmla="*/ 40 h 45"/>
                  <a:gd name="T14" fmla="*/ 34 w 67"/>
                  <a:gd name="T15" fmla="*/ 45 h 45"/>
                  <a:gd name="T16" fmla="*/ 15 w 67"/>
                  <a:gd name="T17" fmla="*/ 42 h 45"/>
                  <a:gd name="T18" fmla="*/ 0 w 67"/>
                  <a:gd name="T19" fmla="*/ 23 h 45"/>
                  <a:gd name="T20" fmla="*/ 0 w 67"/>
                  <a:gd name="T21" fmla="*/ 23 h 45"/>
                  <a:gd name="T22" fmla="*/ 59 w 67"/>
                  <a:gd name="T23" fmla="*/ 23 h 45"/>
                  <a:gd name="T24" fmla="*/ 59 w 67"/>
                  <a:gd name="T25" fmla="*/ 23 h 45"/>
                  <a:gd name="T26" fmla="*/ 54 w 67"/>
                  <a:gd name="T27" fmla="*/ 13 h 45"/>
                  <a:gd name="T28" fmla="*/ 33 w 67"/>
                  <a:gd name="T29" fmla="*/ 9 h 45"/>
                  <a:gd name="T30" fmla="*/ 14 w 67"/>
                  <a:gd name="T31" fmla="*/ 12 h 45"/>
                  <a:gd name="T32" fmla="*/ 7 w 67"/>
                  <a:gd name="T33" fmla="*/ 22 h 45"/>
                  <a:gd name="T34" fmla="*/ 14 w 67"/>
                  <a:gd name="T35" fmla="*/ 33 h 45"/>
                  <a:gd name="T36" fmla="*/ 34 w 67"/>
                  <a:gd name="T37" fmla="*/ 36 h 45"/>
                  <a:gd name="T38" fmla="*/ 50 w 67"/>
                  <a:gd name="T39" fmla="*/ 34 h 45"/>
                  <a:gd name="T40" fmla="*/ 59 w 67"/>
                  <a:gd name="T41" fmla="*/ 23 h 45"/>
                  <a:gd name="T42" fmla="*/ 59 w 67"/>
                  <a:gd name="T43" fmla="*/ 23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</a:cxnLst>
                <a:rect l="0" t="0" r="r" b="b"/>
                <a:pathLst>
                  <a:path w="67" h="45">
                    <a:moveTo>
                      <a:pt x="0" y="23"/>
                    </a:moveTo>
                    <a:lnTo>
                      <a:pt x="0" y="23"/>
                    </a:lnTo>
                    <a:cubicBezTo>
                      <a:pt x="0" y="15"/>
                      <a:pt x="3" y="8"/>
                      <a:pt x="10" y="5"/>
                    </a:cubicBezTo>
                    <a:cubicBezTo>
                      <a:pt x="16" y="2"/>
                      <a:pt x="23" y="0"/>
                      <a:pt x="32" y="0"/>
                    </a:cubicBezTo>
                    <a:cubicBezTo>
                      <a:pt x="41" y="0"/>
                      <a:pt x="48" y="2"/>
                      <a:pt x="54" y="4"/>
                    </a:cubicBezTo>
                    <a:cubicBezTo>
                      <a:pt x="62" y="8"/>
                      <a:pt x="67" y="14"/>
                      <a:pt x="67" y="23"/>
                    </a:cubicBezTo>
                    <a:cubicBezTo>
                      <a:pt x="67" y="31"/>
                      <a:pt x="63" y="37"/>
                      <a:pt x="56" y="40"/>
                    </a:cubicBezTo>
                    <a:cubicBezTo>
                      <a:pt x="51" y="44"/>
                      <a:pt x="43" y="45"/>
                      <a:pt x="34" y="45"/>
                    </a:cubicBezTo>
                    <a:cubicBezTo>
                      <a:pt x="26" y="45"/>
                      <a:pt x="20" y="44"/>
                      <a:pt x="15" y="42"/>
                    </a:cubicBezTo>
                    <a:cubicBezTo>
                      <a:pt x="5" y="39"/>
                      <a:pt x="0" y="32"/>
                      <a:pt x="0" y="23"/>
                    </a:cubicBezTo>
                    <a:lnTo>
                      <a:pt x="0" y="23"/>
                    </a:lnTo>
                    <a:close/>
                    <a:moveTo>
                      <a:pt x="59" y="23"/>
                    </a:moveTo>
                    <a:lnTo>
                      <a:pt x="59" y="23"/>
                    </a:lnTo>
                    <a:cubicBezTo>
                      <a:pt x="59" y="19"/>
                      <a:pt x="57" y="15"/>
                      <a:pt x="54" y="13"/>
                    </a:cubicBezTo>
                    <a:cubicBezTo>
                      <a:pt x="50" y="10"/>
                      <a:pt x="43" y="9"/>
                      <a:pt x="33" y="9"/>
                    </a:cubicBezTo>
                    <a:cubicBezTo>
                      <a:pt x="25" y="9"/>
                      <a:pt x="19" y="10"/>
                      <a:pt x="14" y="12"/>
                    </a:cubicBezTo>
                    <a:cubicBezTo>
                      <a:pt x="10" y="14"/>
                      <a:pt x="7" y="17"/>
                      <a:pt x="7" y="22"/>
                    </a:cubicBezTo>
                    <a:cubicBezTo>
                      <a:pt x="7" y="27"/>
                      <a:pt x="9" y="31"/>
                      <a:pt x="14" y="33"/>
                    </a:cubicBezTo>
                    <a:cubicBezTo>
                      <a:pt x="18" y="35"/>
                      <a:pt x="25" y="36"/>
                      <a:pt x="34" y="36"/>
                    </a:cubicBezTo>
                    <a:cubicBezTo>
                      <a:pt x="41" y="36"/>
                      <a:pt x="46" y="36"/>
                      <a:pt x="50" y="34"/>
                    </a:cubicBezTo>
                    <a:cubicBezTo>
                      <a:pt x="56" y="32"/>
                      <a:pt x="59" y="28"/>
                      <a:pt x="59" y="23"/>
                    </a:cubicBezTo>
                    <a:lnTo>
                      <a:pt x="59" y="23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94" name="Freeform 168">
                <a:extLst>
                  <a:ext uri="{FF2B5EF4-FFF2-40B4-BE49-F238E27FC236}">
                    <a16:creationId xmlns:a16="http://schemas.microsoft.com/office/drawing/2014/main" id="{33836904-AE13-9242-A126-6003A96886F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16620" y="4361458"/>
                <a:ext cx="11906" cy="10716"/>
              </a:xfrm>
              <a:custGeom>
                <a:avLst/>
                <a:gdLst>
                  <a:gd name="T0" fmla="*/ 0 w 10"/>
                  <a:gd name="T1" fmla="*/ 9 h 9"/>
                  <a:gd name="T2" fmla="*/ 0 w 10"/>
                  <a:gd name="T3" fmla="*/ 9 h 9"/>
                  <a:gd name="T4" fmla="*/ 0 w 10"/>
                  <a:gd name="T5" fmla="*/ 0 h 9"/>
                  <a:gd name="T6" fmla="*/ 10 w 10"/>
                  <a:gd name="T7" fmla="*/ 0 h 9"/>
                  <a:gd name="T8" fmla="*/ 10 w 10"/>
                  <a:gd name="T9" fmla="*/ 9 h 9"/>
                  <a:gd name="T10" fmla="*/ 0 w 10"/>
                  <a:gd name="T11" fmla="*/ 9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0" h="9">
                    <a:moveTo>
                      <a:pt x="0" y="9"/>
                    </a:moveTo>
                    <a:lnTo>
                      <a:pt x="0" y="9"/>
                    </a:lnTo>
                    <a:lnTo>
                      <a:pt x="0" y="0"/>
                    </a:lnTo>
                    <a:lnTo>
                      <a:pt x="10" y="0"/>
                    </a:lnTo>
                    <a:lnTo>
                      <a:pt x="10" y="9"/>
                    </a:lnTo>
                    <a:lnTo>
                      <a:pt x="0" y="9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95" name="Freeform 169">
                <a:extLst>
                  <a:ext uri="{FF2B5EF4-FFF2-40B4-BE49-F238E27FC236}">
                    <a16:creationId xmlns:a16="http://schemas.microsoft.com/office/drawing/2014/main" id="{A295B807-DCAB-0A49-A63C-98D6CE9FAAE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951135" y="4293592"/>
                <a:ext cx="77391" cy="53579"/>
              </a:xfrm>
              <a:custGeom>
                <a:avLst/>
                <a:gdLst>
                  <a:gd name="T0" fmla="*/ 65 w 65"/>
                  <a:gd name="T1" fmla="*/ 45 h 45"/>
                  <a:gd name="T2" fmla="*/ 65 w 65"/>
                  <a:gd name="T3" fmla="*/ 45 h 45"/>
                  <a:gd name="T4" fmla="*/ 50 w 65"/>
                  <a:gd name="T5" fmla="*/ 42 h 45"/>
                  <a:gd name="T6" fmla="*/ 39 w 65"/>
                  <a:gd name="T7" fmla="*/ 30 h 45"/>
                  <a:gd name="T8" fmla="*/ 34 w 65"/>
                  <a:gd name="T9" fmla="*/ 21 h 45"/>
                  <a:gd name="T10" fmla="*/ 28 w 65"/>
                  <a:gd name="T11" fmla="*/ 13 h 45"/>
                  <a:gd name="T12" fmla="*/ 19 w 65"/>
                  <a:gd name="T13" fmla="*/ 9 h 45"/>
                  <a:gd name="T14" fmla="*/ 10 w 65"/>
                  <a:gd name="T15" fmla="*/ 13 h 45"/>
                  <a:gd name="T16" fmla="*/ 7 w 65"/>
                  <a:gd name="T17" fmla="*/ 22 h 45"/>
                  <a:gd name="T18" fmla="*/ 13 w 65"/>
                  <a:gd name="T19" fmla="*/ 34 h 45"/>
                  <a:gd name="T20" fmla="*/ 23 w 65"/>
                  <a:gd name="T21" fmla="*/ 35 h 45"/>
                  <a:gd name="T22" fmla="*/ 23 w 65"/>
                  <a:gd name="T23" fmla="*/ 44 h 45"/>
                  <a:gd name="T24" fmla="*/ 9 w 65"/>
                  <a:gd name="T25" fmla="*/ 41 h 45"/>
                  <a:gd name="T26" fmla="*/ 0 w 65"/>
                  <a:gd name="T27" fmla="*/ 22 h 45"/>
                  <a:gd name="T28" fmla="*/ 6 w 65"/>
                  <a:gd name="T29" fmla="*/ 6 h 45"/>
                  <a:gd name="T30" fmla="*/ 19 w 65"/>
                  <a:gd name="T31" fmla="*/ 0 h 45"/>
                  <a:gd name="T32" fmla="*/ 32 w 65"/>
                  <a:gd name="T33" fmla="*/ 6 h 45"/>
                  <a:gd name="T34" fmla="*/ 40 w 65"/>
                  <a:gd name="T35" fmla="*/ 17 h 45"/>
                  <a:gd name="T36" fmla="*/ 44 w 65"/>
                  <a:gd name="T37" fmla="*/ 24 h 45"/>
                  <a:gd name="T38" fmla="*/ 48 w 65"/>
                  <a:gd name="T39" fmla="*/ 31 h 45"/>
                  <a:gd name="T40" fmla="*/ 57 w 65"/>
                  <a:gd name="T41" fmla="*/ 36 h 45"/>
                  <a:gd name="T42" fmla="*/ 57 w 65"/>
                  <a:gd name="T43" fmla="*/ 1 h 45"/>
                  <a:gd name="T44" fmla="*/ 65 w 65"/>
                  <a:gd name="T45" fmla="*/ 1 h 45"/>
                  <a:gd name="T46" fmla="*/ 65 w 65"/>
                  <a:gd name="T47" fmla="*/ 45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</a:cxnLst>
                <a:rect l="0" t="0" r="r" b="b"/>
                <a:pathLst>
                  <a:path w="65" h="45">
                    <a:moveTo>
                      <a:pt x="65" y="45"/>
                    </a:moveTo>
                    <a:lnTo>
                      <a:pt x="65" y="45"/>
                    </a:lnTo>
                    <a:cubicBezTo>
                      <a:pt x="59" y="45"/>
                      <a:pt x="54" y="44"/>
                      <a:pt x="50" y="42"/>
                    </a:cubicBezTo>
                    <a:cubicBezTo>
                      <a:pt x="46" y="40"/>
                      <a:pt x="42" y="36"/>
                      <a:pt x="39" y="30"/>
                    </a:cubicBezTo>
                    <a:lnTo>
                      <a:pt x="34" y="21"/>
                    </a:lnTo>
                    <a:cubicBezTo>
                      <a:pt x="32" y="18"/>
                      <a:pt x="30" y="15"/>
                      <a:pt x="28" y="13"/>
                    </a:cubicBezTo>
                    <a:cubicBezTo>
                      <a:pt x="26" y="11"/>
                      <a:pt x="23" y="9"/>
                      <a:pt x="19" y="9"/>
                    </a:cubicBezTo>
                    <a:cubicBezTo>
                      <a:pt x="16" y="9"/>
                      <a:pt x="13" y="11"/>
                      <a:pt x="10" y="13"/>
                    </a:cubicBezTo>
                    <a:cubicBezTo>
                      <a:pt x="8" y="15"/>
                      <a:pt x="7" y="18"/>
                      <a:pt x="7" y="22"/>
                    </a:cubicBezTo>
                    <a:cubicBezTo>
                      <a:pt x="7" y="28"/>
                      <a:pt x="9" y="31"/>
                      <a:pt x="13" y="34"/>
                    </a:cubicBezTo>
                    <a:cubicBezTo>
                      <a:pt x="16" y="35"/>
                      <a:pt x="19" y="35"/>
                      <a:pt x="23" y="35"/>
                    </a:cubicBezTo>
                    <a:lnTo>
                      <a:pt x="23" y="44"/>
                    </a:lnTo>
                    <a:cubicBezTo>
                      <a:pt x="17" y="44"/>
                      <a:pt x="13" y="43"/>
                      <a:pt x="9" y="41"/>
                    </a:cubicBezTo>
                    <a:cubicBezTo>
                      <a:pt x="3" y="37"/>
                      <a:pt x="0" y="31"/>
                      <a:pt x="0" y="22"/>
                    </a:cubicBezTo>
                    <a:cubicBezTo>
                      <a:pt x="0" y="14"/>
                      <a:pt x="2" y="9"/>
                      <a:pt x="6" y="6"/>
                    </a:cubicBezTo>
                    <a:cubicBezTo>
                      <a:pt x="10" y="2"/>
                      <a:pt x="14" y="0"/>
                      <a:pt x="19" y="0"/>
                    </a:cubicBezTo>
                    <a:cubicBezTo>
                      <a:pt x="24" y="0"/>
                      <a:pt x="29" y="2"/>
                      <a:pt x="32" y="6"/>
                    </a:cubicBezTo>
                    <a:cubicBezTo>
                      <a:pt x="35" y="8"/>
                      <a:pt x="37" y="12"/>
                      <a:pt x="40" y="17"/>
                    </a:cubicBezTo>
                    <a:lnTo>
                      <a:pt x="44" y="24"/>
                    </a:lnTo>
                    <a:cubicBezTo>
                      <a:pt x="45" y="27"/>
                      <a:pt x="47" y="29"/>
                      <a:pt x="48" y="31"/>
                    </a:cubicBezTo>
                    <a:cubicBezTo>
                      <a:pt x="51" y="34"/>
                      <a:pt x="54" y="35"/>
                      <a:pt x="57" y="36"/>
                    </a:cubicBezTo>
                    <a:lnTo>
                      <a:pt x="57" y="1"/>
                    </a:lnTo>
                    <a:lnTo>
                      <a:pt x="65" y="1"/>
                    </a:lnTo>
                    <a:lnTo>
                      <a:pt x="65" y="45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96" name="Freeform 170">
                <a:extLst>
                  <a:ext uri="{FF2B5EF4-FFF2-40B4-BE49-F238E27FC236}">
                    <a16:creationId xmlns:a16="http://schemas.microsoft.com/office/drawing/2014/main" id="{B8F92704-6626-CA47-AABF-DD4E3C1ACC10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951135" y="3907830"/>
                <a:ext cx="79772" cy="53579"/>
              </a:xfrm>
              <a:custGeom>
                <a:avLst/>
                <a:gdLst>
                  <a:gd name="T0" fmla="*/ 0 w 67"/>
                  <a:gd name="T1" fmla="*/ 22 h 45"/>
                  <a:gd name="T2" fmla="*/ 0 w 67"/>
                  <a:gd name="T3" fmla="*/ 22 h 45"/>
                  <a:gd name="T4" fmla="*/ 10 w 67"/>
                  <a:gd name="T5" fmla="*/ 4 h 45"/>
                  <a:gd name="T6" fmla="*/ 32 w 67"/>
                  <a:gd name="T7" fmla="*/ 0 h 45"/>
                  <a:gd name="T8" fmla="*/ 54 w 67"/>
                  <a:gd name="T9" fmla="*/ 4 h 45"/>
                  <a:gd name="T10" fmla="*/ 67 w 67"/>
                  <a:gd name="T11" fmla="*/ 22 h 45"/>
                  <a:gd name="T12" fmla="*/ 56 w 67"/>
                  <a:gd name="T13" fmla="*/ 40 h 45"/>
                  <a:gd name="T14" fmla="*/ 34 w 67"/>
                  <a:gd name="T15" fmla="*/ 45 h 45"/>
                  <a:gd name="T16" fmla="*/ 15 w 67"/>
                  <a:gd name="T17" fmla="*/ 42 h 45"/>
                  <a:gd name="T18" fmla="*/ 0 w 67"/>
                  <a:gd name="T19" fmla="*/ 22 h 45"/>
                  <a:gd name="T20" fmla="*/ 0 w 67"/>
                  <a:gd name="T21" fmla="*/ 22 h 45"/>
                  <a:gd name="T22" fmla="*/ 59 w 67"/>
                  <a:gd name="T23" fmla="*/ 23 h 45"/>
                  <a:gd name="T24" fmla="*/ 59 w 67"/>
                  <a:gd name="T25" fmla="*/ 23 h 45"/>
                  <a:gd name="T26" fmla="*/ 54 w 67"/>
                  <a:gd name="T27" fmla="*/ 12 h 45"/>
                  <a:gd name="T28" fmla="*/ 33 w 67"/>
                  <a:gd name="T29" fmla="*/ 9 h 45"/>
                  <a:gd name="T30" fmla="*/ 14 w 67"/>
                  <a:gd name="T31" fmla="*/ 11 h 45"/>
                  <a:gd name="T32" fmla="*/ 7 w 67"/>
                  <a:gd name="T33" fmla="*/ 22 h 45"/>
                  <a:gd name="T34" fmla="*/ 14 w 67"/>
                  <a:gd name="T35" fmla="*/ 32 h 45"/>
                  <a:gd name="T36" fmla="*/ 34 w 67"/>
                  <a:gd name="T37" fmla="*/ 36 h 45"/>
                  <a:gd name="T38" fmla="*/ 50 w 67"/>
                  <a:gd name="T39" fmla="*/ 34 h 45"/>
                  <a:gd name="T40" fmla="*/ 59 w 67"/>
                  <a:gd name="T41" fmla="*/ 23 h 45"/>
                  <a:gd name="T42" fmla="*/ 59 w 67"/>
                  <a:gd name="T43" fmla="*/ 23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</a:cxnLst>
                <a:rect l="0" t="0" r="r" b="b"/>
                <a:pathLst>
                  <a:path w="67" h="45">
                    <a:moveTo>
                      <a:pt x="0" y="22"/>
                    </a:moveTo>
                    <a:lnTo>
                      <a:pt x="0" y="22"/>
                    </a:lnTo>
                    <a:cubicBezTo>
                      <a:pt x="0" y="14"/>
                      <a:pt x="3" y="8"/>
                      <a:pt x="10" y="4"/>
                    </a:cubicBezTo>
                    <a:cubicBezTo>
                      <a:pt x="16" y="1"/>
                      <a:pt x="23" y="0"/>
                      <a:pt x="32" y="0"/>
                    </a:cubicBezTo>
                    <a:cubicBezTo>
                      <a:pt x="41" y="0"/>
                      <a:pt x="48" y="1"/>
                      <a:pt x="54" y="4"/>
                    </a:cubicBezTo>
                    <a:cubicBezTo>
                      <a:pt x="62" y="8"/>
                      <a:pt x="67" y="14"/>
                      <a:pt x="67" y="22"/>
                    </a:cubicBezTo>
                    <a:cubicBezTo>
                      <a:pt x="67" y="30"/>
                      <a:pt x="63" y="36"/>
                      <a:pt x="56" y="40"/>
                    </a:cubicBezTo>
                    <a:cubicBezTo>
                      <a:pt x="51" y="43"/>
                      <a:pt x="43" y="45"/>
                      <a:pt x="34" y="45"/>
                    </a:cubicBezTo>
                    <a:cubicBezTo>
                      <a:pt x="26" y="45"/>
                      <a:pt x="20" y="44"/>
                      <a:pt x="15" y="42"/>
                    </a:cubicBezTo>
                    <a:cubicBezTo>
                      <a:pt x="5" y="38"/>
                      <a:pt x="0" y="32"/>
                      <a:pt x="0" y="22"/>
                    </a:cubicBezTo>
                    <a:lnTo>
                      <a:pt x="0" y="22"/>
                    </a:lnTo>
                    <a:close/>
                    <a:moveTo>
                      <a:pt x="59" y="23"/>
                    </a:moveTo>
                    <a:lnTo>
                      <a:pt x="59" y="23"/>
                    </a:lnTo>
                    <a:cubicBezTo>
                      <a:pt x="59" y="18"/>
                      <a:pt x="57" y="15"/>
                      <a:pt x="54" y="12"/>
                    </a:cubicBezTo>
                    <a:cubicBezTo>
                      <a:pt x="50" y="10"/>
                      <a:pt x="43" y="9"/>
                      <a:pt x="33" y="9"/>
                    </a:cubicBezTo>
                    <a:cubicBezTo>
                      <a:pt x="25" y="9"/>
                      <a:pt x="19" y="10"/>
                      <a:pt x="14" y="11"/>
                    </a:cubicBezTo>
                    <a:cubicBezTo>
                      <a:pt x="10" y="13"/>
                      <a:pt x="7" y="17"/>
                      <a:pt x="7" y="22"/>
                    </a:cubicBezTo>
                    <a:cubicBezTo>
                      <a:pt x="7" y="27"/>
                      <a:pt x="9" y="30"/>
                      <a:pt x="14" y="32"/>
                    </a:cubicBezTo>
                    <a:cubicBezTo>
                      <a:pt x="18" y="35"/>
                      <a:pt x="25" y="36"/>
                      <a:pt x="34" y="36"/>
                    </a:cubicBezTo>
                    <a:cubicBezTo>
                      <a:pt x="41" y="36"/>
                      <a:pt x="46" y="35"/>
                      <a:pt x="50" y="34"/>
                    </a:cubicBezTo>
                    <a:cubicBezTo>
                      <a:pt x="56" y="32"/>
                      <a:pt x="59" y="28"/>
                      <a:pt x="59" y="23"/>
                    </a:cubicBezTo>
                    <a:lnTo>
                      <a:pt x="59" y="23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97" name="Freeform 171">
                <a:extLst>
                  <a:ext uri="{FF2B5EF4-FFF2-40B4-BE49-F238E27FC236}">
                    <a16:creationId xmlns:a16="http://schemas.microsoft.com/office/drawing/2014/main" id="{2993FD0F-EF0A-B74F-8661-AA17EF4C986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16620" y="3881636"/>
                <a:ext cx="11906" cy="11906"/>
              </a:xfrm>
              <a:custGeom>
                <a:avLst/>
                <a:gdLst>
                  <a:gd name="T0" fmla="*/ 0 w 10"/>
                  <a:gd name="T1" fmla="*/ 10 h 10"/>
                  <a:gd name="T2" fmla="*/ 0 w 10"/>
                  <a:gd name="T3" fmla="*/ 10 h 10"/>
                  <a:gd name="T4" fmla="*/ 0 w 10"/>
                  <a:gd name="T5" fmla="*/ 0 h 10"/>
                  <a:gd name="T6" fmla="*/ 10 w 10"/>
                  <a:gd name="T7" fmla="*/ 0 h 10"/>
                  <a:gd name="T8" fmla="*/ 10 w 10"/>
                  <a:gd name="T9" fmla="*/ 10 h 10"/>
                  <a:gd name="T10" fmla="*/ 0 w 10"/>
                  <a:gd name="T11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0" h="10">
                    <a:moveTo>
                      <a:pt x="0" y="10"/>
                    </a:moveTo>
                    <a:lnTo>
                      <a:pt x="0" y="10"/>
                    </a:lnTo>
                    <a:lnTo>
                      <a:pt x="0" y="0"/>
                    </a:lnTo>
                    <a:lnTo>
                      <a:pt x="10" y="0"/>
                    </a:lnTo>
                    <a:lnTo>
                      <a:pt x="10" y="10"/>
                    </a:lnTo>
                    <a:lnTo>
                      <a:pt x="0" y="10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98" name="Freeform 172">
                <a:extLst>
                  <a:ext uri="{FF2B5EF4-FFF2-40B4-BE49-F238E27FC236}">
                    <a16:creationId xmlns:a16="http://schemas.microsoft.com/office/drawing/2014/main" id="{B36779D3-A23A-984C-8765-5E2266C611A7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951135" y="3813771"/>
                <a:ext cx="77391" cy="54769"/>
              </a:xfrm>
              <a:custGeom>
                <a:avLst/>
                <a:gdLst>
                  <a:gd name="T0" fmla="*/ 42 w 65"/>
                  <a:gd name="T1" fmla="*/ 18 h 46"/>
                  <a:gd name="T2" fmla="*/ 42 w 65"/>
                  <a:gd name="T3" fmla="*/ 18 h 46"/>
                  <a:gd name="T4" fmla="*/ 12 w 65"/>
                  <a:gd name="T5" fmla="*/ 18 h 46"/>
                  <a:gd name="T6" fmla="*/ 42 w 65"/>
                  <a:gd name="T7" fmla="*/ 39 h 46"/>
                  <a:gd name="T8" fmla="*/ 42 w 65"/>
                  <a:gd name="T9" fmla="*/ 18 h 46"/>
                  <a:gd name="T10" fmla="*/ 65 w 65"/>
                  <a:gd name="T11" fmla="*/ 18 h 46"/>
                  <a:gd name="T12" fmla="*/ 65 w 65"/>
                  <a:gd name="T13" fmla="*/ 18 h 46"/>
                  <a:gd name="T14" fmla="*/ 49 w 65"/>
                  <a:gd name="T15" fmla="*/ 18 h 46"/>
                  <a:gd name="T16" fmla="*/ 49 w 65"/>
                  <a:gd name="T17" fmla="*/ 46 h 46"/>
                  <a:gd name="T18" fmla="*/ 41 w 65"/>
                  <a:gd name="T19" fmla="*/ 46 h 46"/>
                  <a:gd name="T20" fmla="*/ 0 w 65"/>
                  <a:gd name="T21" fmla="*/ 17 h 46"/>
                  <a:gd name="T22" fmla="*/ 0 w 65"/>
                  <a:gd name="T23" fmla="*/ 10 h 46"/>
                  <a:gd name="T24" fmla="*/ 42 w 65"/>
                  <a:gd name="T25" fmla="*/ 10 h 46"/>
                  <a:gd name="T26" fmla="*/ 42 w 65"/>
                  <a:gd name="T27" fmla="*/ 0 h 46"/>
                  <a:gd name="T28" fmla="*/ 49 w 65"/>
                  <a:gd name="T29" fmla="*/ 0 h 46"/>
                  <a:gd name="T30" fmla="*/ 49 w 65"/>
                  <a:gd name="T31" fmla="*/ 10 h 46"/>
                  <a:gd name="T32" fmla="*/ 65 w 65"/>
                  <a:gd name="T33" fmla="*/ 10 h 46"/>
                  <a:gd name="T34" fmla="*/ 65 w 65"/>
                  <a:gd name="T35" fmla="*/ 18 h 4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65" h="46">
                    <a:moveTo>
                      <a:pt x="42" y="18"/>
                    </a:moveTo>
                    <a:lnTo>
                      <a:pt x="42" y="18"/>
                    </a:lnTo>
                    <a:lnTo>
                      <a:pt x="12" y="18"/>
                    </a:lnTo>
                    <a:lnTo>
                      <a:pt x="42" y="39"/>
                    </a:lnTo>
                    <a:lnTo>
                      <a:pt x="42" y="18"/>
                    </a:lnTo>
                    <a:close/>
                    <a:moveTo>
                      <a:pt x="65" y="18"/>
                    </a:moveTo>
                    <a:lnTo>
                      <a:pt x="65" y="18"/>
                    </a:lnTo>
                    <a:lnTo>
                      <a:pt x="49" y="18"/>
                    </a:lnTo>
                    <a:lnTo>
                      <a:pt x="49" y="46"/>
                    </a:lnTo>
                    <a:lnTo>
                      <a:pt x="41" y="46"/>
                    </a:lnTo>
                    <a:lnTo>
                      <a:pt x="0" y="17"/>
                    </a:lnTo>
                    <a:lnTo>
                      <a:pt x="0" y="10"/>
                    </a:lnTo>
                    <a:lnTo>
                      <a:pt x="42" y="10"/>
                    </a:lnTo>
                    <a:lnTo>
                      <a:pt x="42" y="0"/>
                    </a:lnTo>
                    <a:lnTo>
                      <a:pt x="49" y="0"/>
                    </a:lnTo>
                    <a:lnTo>
                      <a:pt x="49" y="10"/>
                    </a:lnTo>
                    <a:lnTo>
                      <a:pt x="65" y="10"/>
                    </a:lnTo>
                    <a:lnTo>
                      <a:pt x="65" y="18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99" name="Freeform 173">
                <a:extLst>
                  <a:ext uri="{FF2B5EF4-FFF2-40B4-BE49-F238E27FC236}">
                    <a16:creationId xmlns:a16="http://schemas.microsoft.com/office/drawing/2014/main" id="{83752982-B081-244A-BD51-0E028B6FE854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951135" y="3429199"/>
                <a:ext cx="79772" cy="53579"/>
              </a:xfrm>
              <a:custGeom>
                <a:avLst/>
                <a:gdLst>
                  <a:gd name="T0" fmla="*/ 0 w 67"/>
                  <a:gd name="T1" fmla="*/ 23 h 45"/>
                  <a:gd name="T2" fmla="*/ 0 w 67"/>
                  <a:gd name="T3" fmla="*/ 23 h 45"/>
                  <a:gd name="T4" fmla="*/ 10 w 67"/>
                  <a:gd name="T5" fmla="*/ 5 h 45"/>
                  <a:gd name="T6" fmla="*/ 32 w 67"/>
                  <a:gd name="T7" fmla="*/ 0 h 45"/>
                  <a:gd name="T8" fmla="*/ 54 w 67"/>
                  <a:gd name="T9" fmla="*/ 4 h 45"/>
                  <a:gd name="T10" fmla="*/ 67 w 67"/>
                  <a:gd name="T11" fmla="*/ 23 h 45"/>
                  <a:gd name="T12" fmla="*/ 56 w 67"/>
                  <a:gd name="T13" fmla="*/ 40 h 45"/>
                  <a:gd name="T14" fmla="*/ 34 w 67"/>
                  <a:gd name="T15" fmla="*/ 45 h 45"/>
                  <a:gd name="T16" fmla="*/ 15 w 67"/>
                  <a:gd name="T17" fmla="*/ 42 h 45"/>
                  <a:gd name="T18" fmla="*/ 0 w 67"/>
                  <a:gd name="T19" fmla="*/ 23 h 45"/>
                  <a:gd name="T20" fmla="*/ 0 w 67"/>
                  <a:gd name="T21" fmla="*/ 23 h 45"/>
                  <a:gd name="T22" fmla="*/ 59 w 67"/>
                  <a:gd name="T23" fmla="*/ 23 h 45"/>
                  <a:gd name="T24" fmla="*/ 59 w 67"/>
                  <a:gd name="T25" fmla="*/ 23 h 45"/>
                  <a:gd name="T26" fmla="*/ 54 w 67"/>
                  <a:gd name="T27" fmla="*/ 13 h 45"/>
                  <a:gd name="T28" fmla="*/ 33 w 67"/>
                  <a:gd name="T29" fmla="*/ 9 h 45"/>
                  <a:gd name="T30" fmla="*/ 14 w 67"/>
                  <a:gd name="T31" fmla="*/ 12 h 45"/>
                  <a:gd name="T32" fmla="*/ 7 w 67"/>
                  <a:gd name="T33" fmla="*/ 22 h 45"/>
                  <a:gd name="T34" fmla="*/ 14 w 67"/>
                  <a:gd name="T35" fmla="*/ 33 h 45"/>
                  <a:gd name="T36" fmla="*/ 34 w 67"/>
                  <a:gd name="T37" fmla="*/ 36 h 45"/>
                  <a:gd name="T38" fmla="*/ 50 w 67"/>
                  <a:gd name="T39" fmla="*/ 34 h 45"/>
                  <a:gd name="T40" fmla="*/ 59 w 67"/>
                  <a:gd name="T41" fmla="*/ 23 h 45"/>
                  <a:gd name="T42" fmla="*/ 59 w 67"/>
                  <a:gd name="T43" fmla="*/ 23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</a:cxnLst>
                <a:rect l="0" t="0" r="r" b="b"/>
                <a:pathLst>
                  <a:path w="67" h="45">
                    <a:moveTo>
                      <a:pt x="0" y="23"/>
                    </a:moveTo>
                    <a:lnTo>
                      <a:pt x="0" y="23"/>
                    </a:lnTo>
                    <a:cubicBezTo>
                      <a:pt x="0" y="14"/>
                      <a:pt x="3" y="8"/>
                      <a:pt x="10" y="5"/>
                    </a:cubicBezTo>
                    <a:cubicBezTo>
                      <a:pt x="16" y="2"/>
                      <a:pt x="23" y="0"/>
                      <a:pt x="32" y="0"/>
                    </a:cubicBezTo>
                    <a:cubicBezTo>
                      <a:pt x="41" y="0"/>
                      <a:pt x="48" y="1"/>
                      <a:pt x="54" y="4"/>
                    </a:cubicBezTo>
                    <a:cubicBezTo>
                      <a:pt x="62" y="8"/>
                      <a:pt x="67" y="14"/>
                      <a:pt x="67" y="23"/>
                    </a:cubicBezTo>
                    <a:cubicBezTo>
                      <a:pt x="67" y="31"/>
                      <a:pt x="63" y="36"/>
                      <a:pt x="56" y="40"/>
                    </a:cubicBezTo>
                    <a:cubicBezTo>
                      <a:pt x="51" y="43"/>
                      <a:pt x="43" y="45"/>
                      <a:pt x="34" y="45"/>
                    </a:cubicBezTo>
                    <a:cubicBezTo>
                      <a:pt x="26" y="45"/>
                      <a:pt x="20" y="44"/>
                      <a:pt x="15" y="42"/>
                    </a:cubicBezTo>
                    <a:cubicBezTo>
                      <a:pt x="5" y="39"/>
                      <a:pt x="0" y="32"/>
                      <a:pt x="0" y="23"/>
                    </a:cubicBezTo>
                    <a:lnTo>
                      <a:pt x="0" y="23"/>
                    </a:lnTo>
                    <a:close/>
                    <a:moveTo>
                      <a:pt x="59" y="23"/>
                    </a:moveTo>
                    <a:lnTo>
                      <a:pt x="59" y="23"/>
                    </a:lnTo>
                    <a:cubicBezTo>
                      <a:pt x="59" y="19"/>
                      <a:pt x="57" y="15"/>
                      <a:pt x="54" y="13"/>
                    </a:cubicBezTo>
                    <a:cubicBezTo>
                      <a:pt x="50" y="10"/>
                      <a:pt x="43" y="9"/>
                      <a:pt x="33" y="9"/>
                    </a:cubicBezTo>
                    <a:cubicBezTo>
                      <a:pt x="25" y="9"/>
                      <a:pt x="19" y="10"/>
                      <a:pt x="14" y="12"/>
                    </a:cubicBezTo>
                    <a:cubicBezTo>
                      <a:pt x="10" y="14"/>
                      <a:pt x="7" y="17"/>
                      <a:pt x="7" y="22"/>
                    </a:cubicBezTo>
                    <a:cubicBezTo>
                      <a:pt x="7" y="27"/>
                      <a:pt x="9" y="31"/>
                      <a:pt x="14" y="33"/>
                    </a:cubicBezTo>
                    <a:cubicBezTo>
                      <a:pt x="18" y="35"/>
                      <a:pt x="25" y="36"/>
                      <a:pt x="34" y="36"/>
                    </a:cubicBezTo>
                    <a:cubicBezTo>
                      <a:pt x="41" y="36"/>
                      <a:pt x="46" y="35"/>
                      <a:pt x="50" y="34"/>
                    </a:cubicBezTo>
                    <a:cubicBezTo>
                      <a:pt x="56" y="32"/>
                      <a:pt x="59" y="28"/>
                      <a:pt x="59" y="23"/>
                    </a:cubicBezTo>
                    <a:lnTo>
                      <a:pt x="59" y="23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00" name="Freeform 174">
                <a:extLst>
                  <a:ext uri="{FF2B5EF4-FFF2-40B4-BE49-F238E27FC236}">
                    <a16:creationId xmlns:a16="http://schemas.microsoft.com/office/drawing/2014/main" id="{8C61210D-21F3-C744-A9AA-3376697D0DE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16620" y="3404196"/>
                <a:ext cx="11906" cy="10716"/>
              </a:xfrm>
              <a:custGeom>
                <a:avLst/>
                <a:gdLst>
                  <a:gd name="T0" fmla="*/ 0 w 10"/>
                  <a:gd name="T1" fmla="*/ 9 h 9"/>
                  <a:gd name="T2" fmla="*/ 0 w 10"/>
                  <a:gd name="T3" fmla="*/ 9 h 9"/>
                  <a:gd name="T4" fmla="*/ 0 w 10"/>
                  <a:gd name="T5" fmla="*/ 0 h 9"/>
                  <a:gd name="T6" fmla="*/ 10 w 10"/>
                  <a:gd name="T7" fmla="*/ 0 h 9"/>
                  <a:gd name="T8" fmla="*/ 10 w 10"/>
                  <a:gd name="T9" fmla="*/ 9 h 9"/>
                  <a:gd name="T10" fmla="*/ 0 w 10"/>
                  <a:gd name="T11" fmla="*/ 9 h 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0" h="9">
                    <a:moveTo>
                      <a:pt x="0" y="9"/>
                    </a:moveTo>
                    <a:lnTo>
                      <a:pt x="0" y="9"/>
                    </a:lnTo>
                    <a:lnTo>
                      <a:pt x="0" y="0"/>
                    </a:lnTo>
                    <a:lnTo>
                      <a:pt x="10" y="0"/>
                    </a:lnTo>
                    <a:lnTo>
                      <a:pt x="10" y="9"/>
                    </a:lnTo>
                    <a:lnTo>
                      <a:pt x="0" y="9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01" name="Freeform 175">
                <a:extLst>
                  <a:ext uri="{FF2B5EF4-FFF2-40B4-BE49-F238E27FC236}">
                    <a16:creationId xmlns:a16="http://schemas.microsoft.com/office/drawing/2014/main" id="{A73F9261-E96B-7C40-AA4F-718BD37B266B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951135" y="3336330"/>
                <a:ext cx="79772" cy="53579"/>
              </a:xfrm>
              <a:custGeom>
                <a:avLst/>
                <a:gdLst>
                  <a:gd name="T0" fmla="*/ 0 w 67"/>
                  <a:gd name="T1" fmla="*/ 21 h 45"/>
                  <a:gd name="T2" fmla="*/ 0 w 67"/>
                  <a:gd name="T3" fmla="*/ 21 h 45"/>
                  <a:gd name="T4" fmla="*/ 5 w 67"/>
                  <a:gd name="T5" fmla="*/ 6 h 45"/>
                  <a:gd name="T6" fmla="*/ 17 w 67"/>
                  <a:gd name="T7" fmla="*/ 1 h 45"/>
                  <a:gd name="T8" fmla="*/ 17 w 67"/>
                  <a:gd name="T9" fmla="*/ 9 h 45"/>
                  <a:gd name="T10" fmla="*/ 11 w 67"/>
                  <a:gd name="T11" fmla="*/ 12 h 45"/>
                  <a:gd name="T12" fmla="*/ 7 w 67"/>
                  <a:gd name="T13" fmla="*/ 21 h 45"/>
                  <a:gd name="T14" fmla="*/ 13 w 67"/>
                  <a:gd name="T15" fmla="*/ 32 h 45"/>
                  <a:gd name="T16" fmla="*/ 31 w 67"/>
                  <a:gd name="T17" fmla="*/ 36 h 45"/>
                  <a:gd name="T18" fmla="*/ 25 w 67"/>
                  <a:gd name="T19" fmla="*/ 29 h 45"/>
                  <a:gd name="T20" fmla="*/ 23 w 67"/>
                  <a:gd name="T21" fmla="*/ 20 h 45"/>
                  <a:gd name="T22" fmla="*/ 28 w 67"/>
                  <a:gd name="T23" fmla="*/ 6 h 45"/>
                  <a:gd name="T24" fmla="*/ 44 w 67"/>
                  <a:gd name="T25" fmla="*/ 0 h 45"/>
                  <a:gd name="T26" fmla="*/ 60 w 67"/>
                  <a:gd name="T27" fmla="*/ 6 h 45"/>
                  <a:gd name="T28" fmla="*/ 67 w 67"/>
                  <a:gd name="T29" fmla="*/ 22 h 45"/>
                  <a:gd name="T30" fmla="*/ 60 w 67"/>
                  <a:gd name="T31" fmla="*/ 38 h 45"/>
                  <a:gd name="T32" fmla="*/ 36 w 67"/>
                  <a:gd name="T33" fmla="*/ 45 h 45"/>
                  <a:gd name="T34" fmla="*/ 16 w 67"/>
                  <a:gd name="T35" fmla="*/ 42 h 45"/>
                  <a:gd name="T36" fmla="*/ 0 w 67"/>
                  <a:gd name="T37" fmla="*/ 21 h 45"/>
                  <a:gd name="T38" fmla="*/ 0 w 67"/>
                  <a:gd name="T39" fmla="*/ 21 h 45"/>
                  <a:gd name="T40" fmla="*/ 59 w 67"/>
                  <a:gd name="T41" fmla="*/ 21 h 45"/>
                  <a:gd name="T42" fmla="*/ 59 w 67"/>
                  <a:gd name="T43" fmla="*/ 21 h 45"/>
                  <a:gd name="T44" fmla="*/ 55 w 67"/>
                  <a:gd name="T45" fmla="*/ 12 h 45"/>
                  <a:gd name="T46" fmla="*/ 45 w 67"/>
                  <a:gd name="T47" fmla="*/ 9 h 45"/>
                  <a:gd name="T48" fmla="*/ 35 w 67"/>
                  <a:gd name="T49" fmla="*/ 11 h 45"/>
                  <a:gd name="T50" fmla="*/ 31 w 67"/>
                  <a:gd name="T51" fmla="*/ 22 h 45"/>
                  <a:gd name="T52" fmla="*/ 34 w 67"/>
                  <a:gd name="T53" fmla="*/ 31 h 45"/>
                  <a:gd name="T54" fmla="*/ 45 w 67"/>
                  <a:gd name="T55" fmla="*/ 35 h 45"/>
                  <a:gd name="T56" fmla="*/ 55 w 67"/>
                  <a:gd name="T57" fmla="*/ 31 h 45"/>
                  <a:gd name="T58" fmla="*/ 59 w 67"/>
                  <a:gd name="T59" fmla="*/ 21 h 45"/>
                  <a:gd name="T60" fmla="*/ 59 w 67"/>
                  <a:gd name="T61" fmla="*/ 21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</a:cxnLst>
                <a:rect l="0" t="0" r="r" b="b"/>
                <a:pathLst>
                  <a:path w="67" h="45">
                    <a:moveTo>
                      <a:pt x="0" y="21"/>
                    </a:moveTo>
                    <a:lnTo>
                      <a:pt x="0" y="21"/>
                    </a:lnTo>
                    <a:cubicBezTo>
                      <a:pt x="0" y="14"/>
                      <a:pt x="1" y="9"/>
                      <a:pt x="5" y="6"/>
                    </a:cubicBezTo>
                    <a:cubicBezTo>
                      <a:pt x="9" y="3"/>
                      <a:pt x="13" y="1"/>
                      <a:pt x="17" y="1"/>
                    </a:cubicBezTo>
                    <a:lnTo>
                      <a:pt x="17" y="9"/>
                    </a:lnTo>
                    <a:cubicBezTo>
                      <a:pt x="14" y="10"/>
                      <a:pt x="12" y="11"/>
                      <a:pt x="11" y="12"/>
                    </a:cubicBezTo>
                    <a:cubicBezTo>
                      <a:pt x="8" y="14"/>
                      <a:pt x="7" y="17"/>
                      <a:pt x="7" y="21"/>
                    </a:cubicBezTo>
                    <a:cubicBezTo>
                      <a:pt x="7" y="25"/>
                      <a:pt x="9" y="29"/>
                      <a:pt x="13" y="32"/>
                    </a:cubicBezTo>
                    <a:cubicBezTo>
                      <a:pt x="17" y="34"/>
                      <a:pt x="23" y="36"/>
                      <a:pt x="31" y="36"/>
                    </a:cubicBezTo>
                    <a:cubicBezTo>
                      <a:pt x="28" y="34"/>
                      <a:pt x="26" y="32"/>
                      <a:pt x="25" y="29"/>
                    </a:cubicBezTo>
                    <a:cubicBezTo>
                      <a:pt x="24" y="26"/>
                      <a:pt x="23" y="24"/>
                      <a:pt x="23" y="20"/>
                    </a:cubicBezTo>
                    <a:cubicBezTo>
                      <a:pt x="23" y="15"/>
                      <a:pt x="25" y="10"/>
                      <a:pt x="28" y="6"/>
                    </a:cubicBezTo>
                    <a:cubicBezTo>
                      <a:pt x="32" y="2"/>
                      <a:pt x="37" y="0"/>
                      <a:pt x="44" y="0"/>
                    </a:cubicBezTo>
                    <a:cubicBezTo>
                      <a:pt x="50" y="0"/>
                      <a:pt x="55" y="2"/>
                      <a:pt x="60" y="6"/>
                    </a:cubicBezTo>
                    <a:cubicBezTo>
                      <a:pt x="64" y="10"/>
                      <a:pt x="67" y="15"/>
                      <a:pt x="67" y="22"/>
                    </a:cubicBezTo>
                    <a:cubicBezTo>
                      <a:pt x="67" y="28"/>
                      <a:pt x="64" y="34"/>
                      <a:pt x="60" y="38"/>
                    </a:cubicBezTo>
                    <a:cubicBezTo>
                      <a:pt x="55" y="42"/>
                      <a:pt x="47" y="45"/>
                      <a:pt x="36" y="45"/>
                    </a:cubicBezTo>
                    <a:cubicBezTo>
                      <a:pt x="28" y="45"/>
                      <a:pt x="21" y="44"/>
                      <a:pt x="16" y="42"/>
                    </a:cubicBezTo>
                    <a:cubicBezTo>
                      <a:pt x="5" y="38"/>
                      <a:pt x="0" y="31"/>
                      <a:pt x="0" y="21"/>
                    </a:cubicBezTo>
                    <a:lnTo>
                      <a:pt x="0" y="21"/>
                    </a:lnTo>
                    <a:close/>
                    <a:moveTo>
                      <a:pt x="59" y="21"/>
                    </a:moveTo>
                    <a:lnTo>
                      <a:pt x="59" y="21"/>
                    </a:lnTo>
                    <a:cubicBezTo>
                      <a:pt x="59" y="17"/>
                      <a:pt x="58" y="14"/>
                      <a:pt x="55" y="12"/>
                    </a:cubicBezTo>
                    <a:cubicBezTo>
                      <a:pt x="52" y="10"/>
                      <a:pt x="49" y="9"/>
                      <a:pt x="45" y="9"/>
                    </a:cubicBezTo>
                    <a:cubicBezTo>
                      <a:pt x="41" y="9"/>
                      <a:pt x="38" y="10"/>
                      <a:pt x="35" y="11"/>
                    </a:cubicBezTo>
                    <a:cubicBezTo>
                      <a:pt x="32" y="13"/>
                      <a:pt x="31" y="17"/>
                      <a:pt x="31" y="22"/>
                    </a:cubicBezTo>
                    <a:cubicBezTo>
                      <a:pt x="31" y="25"/>
                      <a:pt x="32" y="28"/>
                      <a:pt x="34" y="31"/>
                    </a:cubicBezTo>
                    <a:cubicBezTo>
                      <a:pt x="36" y="34"/>
                      <a:pt x="40" y="35"/>
                      <a:pt x="45" y="35"/>
                    </a:cubicBezTo>
                    <a:cubicBezTo>
                      <a:pt x="49" y="35"/>
                      <a:pt x="52" y="34"/>
                      <a:pt x="55" y="31"/>
                    </a:cubicBezTo>
                    <a:cubicBezTo>
                      <a:pt x="58" y="29"/>
                      <a:pt x="59" y="26"/>
                      <a:pt x="59" y="21"/>
                    </a:cubicBezTo>
                    <a:lnTo>
                      <a:pt x="59" y="21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02" name="Freeform 176">
                <a:extLst>
                  <a:ext uri="{FF2B5EF4-FFF2-40B4-BE49-F238E27FC236}">
                    <a16:creationId xmlns:a16="http://schemas.microsoft.com/office/drawing/2014/main" id="{86CA5AB7-65A0-774C-AC1B-58B62B1480E9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951135" y="2950567"/>
                <a:ext cx="79772" cy="52388"/>
              </a:xfrm>
              <a:custGeom>
                <a:avLst/>
                <a:gdLst>
                  <a:gd name="T0" fmla="*/ 0 w 67"/>
                  <a:gd name="T1" fmla="*/ 22 h 44"/>
                  <a:gd name="T2" fmla="*/ 0 w 67"/>
                  <a:gd name="T3" fmla="*/ 22 h 44"/>
                  <a:gd name="T4" fmla="*/ 10 w 67"/>
                  <a:gd name="T5" fmla="*/ 4 h 44"/>
                  <a:gd name="T6" fmla="*/ 32 w 67"/>
                  <a:gd name="T7" fmla="*/ 0 h 44"/>
                  <a:gd name="T8" fmla="*/ 54 w 67"/>
                  <a:gd name="T9" fmla="*/ 4 h 44"/>
                  <a:gd name="T10" fmla="*/ 67 w 67"/>
                  <a:gd name="T11" fmla="*/ 22 h 44"/>
                  <a:gd name="T12" fmla="*/ 56 w 67"/>
                  <a:gd name="T13" fmla="*/ 40 h 44"/>
                  <a:gd name="T14" fmla="*/ 34 w 67"/>
                  <a:gd name="T15" fmla="*/ 44 h 44"/>
                  <a:gd name="T16" fmla="*/ 15 w 67"/>
                  <a:gd name="T17" fmla="*/ 42 h 44"/>
                  <a:gd name="T18" fmla="*/ 0 w 67"/>
                  <a:gd name="T19" fmla="*/ 22 h 44"/>
                  <a:gd name="T20" fmla="*/ 0 w 67"/>
                  <a:gd name="T21" fmla="*/ 22 h 44"/>
                  <a:gd name="T22" fmla="*/ 59 w 67"/>
                  <a:gd name="T23" fmla="*/ 22 h 44"/>
                  <a:gd name="T24" fmla="*/ 59 w 67"/>
                  <a:gd name="T25" fmla="*/ 22 h 44"/>
                  <a:gd name="T26" fmla="*/ 54 w 67"/>
                  <a:gd name="T27" fmla="*/ 12 h 44"/>
                  <a:gd name="T28" fmla="*/ 33 w 67"/>
                  <a:gd name="T29" fmla="*/ 8 h 44"/>
                  <a:gd name="T30" fmla="*/ 14 w 67"/>
                  <a:gd name="T31" fmla="*/ 11 h 44"/>
                  <a:gd name="T32" fmla="*/ 7 w 67"/>
                  <a:gd name="T33" fmla="*/ 22 h 44"/>
                  <a:gd name="T34" fmla="*/ 14 w 67"/>
                  <a:gd name="T35" fmla="*/ 32 h 44"/>
                  <a:gd name="T36" fmla="*/ 34 w 67"/>
                  <a:gd name="T37" fmla="*/ 36 h 44"/>
                  <a:gd name="T38" fmla="*/ 50 w 67"/>
                  <a:gd name="T39" fmla="*/ 34 h 44"/>
                  <a:gd name="T40" fmla="*/ 59 w 67"/>
                  <a:gd name="T41" fmla="*/ 22 h 44"/>
                  <a:gd name="T42" fmla="*/ 59 w 67"/>
                  <a:gd name="T43" fmla="*/ 22 h 4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</a:cxnLst>
                <a:rect l="0" t="0" r="r" b="b"/>
                <a:pathLst>
                  <a:path w="67" h="44">
                    <a:moveTo>
                      <a:pt x="0" y="22"/>
                    </a:moveTo>
                    <a:lnTo>
                      <a:pt x="0" y="22"/>
                    </a:lnTo>
                    <a:cubicBezTo>
                      <a:pt x="0" y="14"/>
                      <a:pt x="3" y="8"/>
                      <a:pt x="10" y="4"/>
                    </a:cubicBezTo>
                    <a:cubicBezTo>
                      <a:pt x="16" y="1"/>
                      <a:pt x="23" y="0"/>
                      <a:pt x="32" y="0"/>
                    </a:cubicBezTo>
                    <a:cubicBezTo>
                      <a:pt x="41" y="0"/>
                      <a:pt x="48" y="1"/>
                      <a:pt x="54" y="4"/>
                    </a:cubicBezTo>
                    <a:cubicBezTo>
                      <a:pt x="62" y="7"/>
                      <a:pt x="67" y="14"/>
                      <a:pt x="67" y="22"/>
                    </a:cubicBezTo>
                    <a:cubicBezTo>
                      <a:pt x="67" y="30"/>
                      <a:pt x="63" y="36"/>
                      <a:pt x="56" y="40"/>
                    </a:cubicBezTo>
                    <a:cubicBezTo>
                      <a:pt x="51" y="43"/>
                      <a:pt x="43" y="44"/>
                      <a:pt x="34" y="44"/>
                    </a:cubicBezTo>
                    <a:cubicBezTo>
                      <a:pt x="26" y="44"/>
                      <a:pt x="20" y="44"/>
                      <a:pt x="15" y="42"/>
                    </a:cubicBezTo>
                    <a:cubicBezTo>
                      <a:pt x="5" y="38"/>
                      <a:pt x="0" y="32"/>
                      <a:pt x="0" y="22"/>
                    </a:cubicBezTo>
                    <a:lnTo>
                      <a:pt x="0" y="22"/>
                    </a:lnTo>
                    <a:close/>
                    <a:moveTo>
                      <a:pt x="59" y="22"/>
                    </a:moveTo>
                    <a:lnTo>
                      <a:pt x="59" y="22"/>
                    </a:lnTo>
                    <a:cubicBezTo>
                      <a:pt x="59" y="18"/>
                      <a:pt x="57" y="15"/>
                      <a:pt x="54" y="12"/>
                    </a:cubicBezTo>
                    <a:cubicBezTo>
                      <a:pt x="50" y="10"/>
                      <a:pt x="43" y="8"/>
                      <a:pt x="33" y="8"/>
                    </a:cubicBezTo>
                    <a:cubicBezTo>
                      <a:pt x="25" y="8"/>
                      <a:pt x="19" y="9"/>
                      <a:pt x="14" y="11"/>
                    </a:cubicBezTo>
                    <a:cubicBezTo>
                      <a:pt x="10" y="13"/>
                      <a:pt x="7" y="17"/>
                      <a:pt x="7" y="22"/>
                    </a:cubicBezTo>
                    <a:cubicBezTo>
                      <a:pt x="7" y="27"/>
                      <a:pt x="9" y="30"/>
                      <a:pt x="14" y="32"/>
                    </a:cubicBezTo>
                    <a:cubicBezTo>
                      <a:pt x="18" y="35"/>
                      <a:pt x="25" y="36"/>
                      <a:pt x="34" y="36"/>
                    </a:cubicBezTo>
                    <a:cubicBezTo>
                      <a:pt x="41" y="36"/>
                      <a:pt x="46" y="35"/>
                      <a:pt x="50" y="34"/>
                    </a:cubicBezTo>
                    <a:cubicBezTo>
                      <a:pt x="56" y="31"/>
                      <a:pt x="59" y="28"/>
                      <a:pt x="59" y="22"/>
                    </a:cubicBezTo>
                    <a:lnTo>
                      <a:pt x="59" y="22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03" name="Freeform 177">
                <a:extLst>
                  <a:ext uri="{FF2B5EF4-FFF2-40B4-BE49-F238E27FC236}">
                    <a16:creationId xmlns:a16="http://schemas.microsoft.com/office/drawing/2014/main" id="{2D7DF35E-8A1C-3C4F-9FC5-B70DB7E0B58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16620" y="2924374"/>
                <a:ext cx="11906" cy="11906"/>
              </a:xfrm>
              <a:custGeom>
                <a:avLst/>
                <a:gdLst>
                  <a:gd name="T0" fmla="*/ 0 w 10"/>
                  <a:gd name="T1" fmla="*/ 10 h 10"/>
                  <a:gd name="T2" fmla="*/ 0 w 10"/>
                  <a:gd name="T3" fmla="*/ 10 h 10"/>
                  <a:gd name="T4" fmla="*/ 0 w 10"/>
                  <a:gd name="T5" fmla="*/ 0 h 10"/>
                  <a:gd name="T6" fmla="*/ 10 w 10"/>
                  <a:gd name="T7" fmla="*/ 0 h 10"/>
                  <a:gd name="T8" fmla="*/ 10 w 10"/>
                  <a:gd name="T9" fmla="*/ 10 h 10"/>
                  <a:gd name="T10" fmla="*/ 0 w 10"/>
                  <a:gd name="T11" fmla="*/ 10 h 1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0" h="10">
                    <a:moveTo>
                      <a:pt x="0" y="10"/>
                    </a:moveTo>
                    <a:lnTo>
                      <a:pt x="0" y="10"/>
                    </a:lnTo>
                    <a:lnTo>
                      <a:pt x="0" y="0"/>
                    </a:lnTo>
                    <a:lnTo>
                      <a:pt x="10" y="0"/>
                    </a:lnTo>
                    <a:lnTo>
                      <a:pt x="10" y="10"/>
                    </a:lnTo>
                    <a:lnTo>
                      <a:pt x="0" y="10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04" name="Freeform 178">
                <a:extLst>
                  <a:ext uri="{FF2B5EF4-FFF2-40B4-BE49-F238E27FC236}">
                    <a16:creationId xmlns:a16="http://schemas.microsoft.com/office/drawing/2014/main" id="{D095E03C-5DCB-F242-8977-A971CE7657EE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951135" y="2857699"/>
                <a:ext cx="79772" cy="53579"/>
              </a:xfrm>
              <a:custGeom>
                <a:avLst/>
                <a:gdLst>
                  <a:gd name="T0" fmla="*/ 27 w 67"/>
                  <a:gd name="T1" fmla="*/ 22 h 45"/>
                  <a:gd name="T2" fmla="*/ 27 w 67"/>
                  <a:gd name="T3" fmla="*/ 22 h 45"/>
                  <a:gd name="T4" fmla="*/ 24 w 67"/>
                  <a:gd name="T5" fmla="*/ 14 h 45"/>
                  <a:gd name="T6" fmla="*/ 17 w 67"/>
                  <a:gd name="T7" fmla="*/ 11 h 45"/>
                  <a:gd name="T8" fmla="*/ 10 w 67"/>
                  <a:gd name="T9" fmla="*/ 14 h 45"/>
                  <a:gd name="T10" fmla="*/ 7 w 67"/>
                  <a:gd name="T11" fmla="*/ 23 h 45"/>
                  <a:gd name="T12" fmla="*/ 10 w 67"/>
                  <a:gd name="T13" fmla="*/ 31 h 45"/>
                  <a:gd name="T14" fmla="*/ 17 w 67"/>
                  <a:gd name="T15" fmla="*/ 34 h 45"/>
                  <a:gd name="T16" fmla="*/ 24 w 67"/>
                  <a:gd name="T17" fmla="*/ 30 h 45"/>
                  <a:gd name="T18" fmla="*/ 27 w 67"/>
                  <a:gd name="T19" fmla="*/ 22 h 45"/>
                  <a:gd name="T20" fmla="*/ 27 w 67"/>
                  <a:gd name="T21" fmla="*/ 22 h 45"/>
                  <a:gd name="T22" fmla="*/ 59 w 67"/>
                  <a:gd name="T23" fmla="*/ 22 h 45"/>
                  <a:gd name="T24" fmla="*/ 59 w 67"/>
                  <a:gd name="T25" fmla="*/ 22 h 45"/>
                  <a:gd name="T26" fmla="*/ 56 w 67"/>
                  <a:gd name="T27" fmla="*/ 12 h 45"/>
                  <a:gd name="T28" fmla="*/ 47 w 67"/>
                  <a:gd name="T29" fmla="*/ 9 h 45"/>
                  <a:gd name="T30" fmla="*/ 37 w 67"/>
                  <a:gd name="T31" fmla="*/ 12 h 45"/>
                  <a:gd name="T32" fmla="*/ 34 w 67"/>
                  <a:gd name="T33" fmla="*/ 22 h 45"/>
                  <a:gd name="T34" fmla="*/ 38 w 67"/>
                  <a:gd name="T35" fmla="*/ 32 h 45"/>
                  <a:gd name="T36" fmla="*/ 47 w 67"/>
                  <a:gd name="T37" fmla="*/ 36 h 45"/>
                  <a:gd name="T38" fmla="*/ 56 w 67"/>
                  <a:gd name="T39" fmla="*/ 32 h 45"/>
                  <a:gd name="T40" fmla="*/ 59 w 67"/>
                  <a:gd name="T41" fmla="*/ 22 h 45"/>
                  <a:gd name="T42" fmla="*/ 59 w 67"/>
                  <a:gd name="T43" fmla="*/ 22 h 45"/>
                  <a:gd name="T44" fmla="*/ 30 w 67"/>
                  <a:gd name="T45" fmla="*/ 33 h 45"/>
                  <a:gd name="T46" fmla="*/ 30 w 67"/>
                  <a:gd name="T47" fmla="*/ 33 h 45"/>
                  <a:gd name="T48" fmla="*/ 27 w 67"/>
                  <a:gd name="T49" fmla="*/ 39 h 45"/>
                  <a:gd name="T50" fmla="*/ 17 w 67"/>
                  <a:gd name="T51" fmla="*/ 42 h 45"/>
                  <a:gd name="T52" fmla="*/ 5 w 67"/>
                  <a:gd name="T53" fmla="*/ 37 h 45"/>
                  <a:gd name="T54" fmla="*/ 0 w 67"/>
                  <a:gd name="T55" fmla="*/ 22 h 45"/>
                  <a:gd name="T56" fmla="*/ 5 w 67"/>
                  <a:gd name="T57" fmla="*/ 7 h 45"/>
                  <a:gd name="T58" fmla="*/ 16 w 67"/>
                  <a:gd name="T59" fmla="*/ 2 h 45"/>
                  <a:gd name="T60" fmla="*/ 26 w 67"/>
                  <a:gd name="T61" fmla="*/ 5 h 45"/>
                  <a:gd name="T62" fmla="*/ 30 w 67"/>
                  <a:gd name="T63" fmla="*/ 11 h 45"/>
                  <a:gd name="T64" fmla="*/ 34 w 67"/>
                  <a:gd name="T65" fmla="*/ 4 h 45"/>
                  <a:gd name="T66" fmla="*/ 46 w 67"/>
                  <a:gd name="T67" fmla="*/ 0 h 45"/>
                  <a:gd name="T68" fmla="*/ 61 w 67"/>
                  <a:gd name="T69" fmla="*/ 6 h 45"/>
                  <a:gd name="T70" fmla="*/ 67 w 67"/>
                  <a:gd name="T71" fmla="*/ 22 h 45"/>
                  <a:gd name="T72" fmla="*/ 62 w 67"/>
                  <a:gd name="T73" fmla="*/ 38 h 45"/>
                  <a:gd name="T74" fmla="*/ 47 w 67"/>
                  <a:gd name="T75" fmla="*/ 45 h 45"/>
                  <a:gd name="T76" fmla="*/ 37 w 67"/>
                  <a:gd name="T77" fmla="*/ 42 h 45"/>
                  <a:gd name="T78" fmla="*/ 30 w 67"/>
                  <a:gd name="T79" fmla="*/ 33 h 45"/>
                  <a:gd name="T80" fmla="*/ 30 w 67"/>
                  <a:gd name="T81" fmla="*/ 33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</a:cxnLst>
                <a:rect l="0" t="0" r="r" b="b"/>
                <a:pathLst>
                  <a:path w="67" h="45">
                    <a:moveTo>
                      <a:pt x="27" y="22"/>
                    </a:moveTo>
                    <a:lnTo>
                      <a:pt x="27" y="22"/>
                    </a:lnTo>
                    <a:cubicBezTo>
                      <a:pt x="27" y="19"/>
                      <a:pt x="26" y="16"/>
                      <a:pt x="24" y="14"/>
                    </a:cubicBezTo>
                    <a:cubicBezTo>
                      <a:pt x="22" y="12"/>
                      <a:pt x="20" y="11"/>
                      <a:pt x="17" y="11"/>
                    </a:cubicBezTo>
                    <a:cubicBezTo>
                      <a:pt x="14" y="11"/>
                      <a:pt x="12" y="12"/>
                      <a:pt x="10" y="14"/>
                    </a:cubicBezTo>
                    <a:cubicBezTo>
                      <a:pt x="8" y="16"/>
                      <a:pt x="7" y="19"/>
                      <a:pt x="7" y="23"/>
                    </a:cubicBezTo>
                    <a:cubicBezTo>
                      <a:pt x="7" y="26"/>
                      <a:pt x="8" y="29"/>
                      <a:pt x="10" y="31"/>
                    </a:cubicBezTo>
                    <a:cubicBezTo>
                      <a:pt x="12" y="33"/>
                      <a:pt x="15" y="34"/>
                      <a:pt x="17" y="34"/>
                    </a:cubicBezTo>
                    <a:cubicBezTo>
                      <a:pt x="20" y="34"/>
                      <a:pt x="23" y="33"/>
                      <a:pt x="24" y="30"/>
                    </a:cubicBezTo>
                    <a:cubicBezTo>
                      <a:pt x="26" y="28"/>
                      <a:pt x="27" y="25"/>
                      <a:pt x="27" y="22"/>
                    </a:cubicBezTo>
                    <a:lnTo>
                      <a:pt x="27" y="22"/>
                    </a:lnTo>
                    <a:close/>
                    <a:moveTo>
                      <a:pt x="59" y="22"/>
                    </a:moveTo>
                    <a:lnTo>
                      <a:pt x="59" y="22"/>
                    </a:lnTo>
                    <a:cubicBezTo>
                      <a:pt x="59" y="18"/>
                      <a:pt x="58" y="15"/>
                      <a:pt x="56" y="12"/>
                    </a:cubicBezTo>
                    <a:cubicBezTo>
                      <a:pt x="54" y="10"/>
                      <a:pt x="51" y="9"/>
                      <a:pt x="47" y="9"/>
                    </a:cubicBezTo>
                    <a:cubicBezTo>
                      <a:pt x="43" y="9"/>
                      <a:pt x="40" y="10"/>
                      <a:pt x="37" y="12"/>
                    </a:cubicBezTo>
                    <a:cubicBezTo>
                      <a:pt x="35" y="15"/>
                      <a:pt x="34" y="18"/>
                      <a:pt x="34" y="22"/>
                    </a:cubicBezTo>
                    <a:cubicBezTo>
                      <a:pt x="34" y="26"/>
                      <a:pt x="35" y="29"/>
                      <a:pt x="38" y="32"/>
                    </a:cubicBezTo>
                    <a:cubicBezTo>
                      <a:pt x="40" y="34"/>
                      <a:pt x="43" y="36"/>
                      <a:pt x="47" y="36"/>
                    </a:cubicBezTo>
                    <a:cubicBezTo>
                      <a:pt x="50" y="36"/>
                      <a:pt x="53" y="34"/>
                      <a:pt x="56" y="32"/>
                    </a:cubicBezTo>
                    <a:cubicBezTo>
                      <a:pt x="58" y="30"/>
                      <a:pt x="59" y="26"/>
                      <a:pt x="59" y="22"/>
                    </a:cubicBezTo>
                    <a:lnTo>
                      <a:pt x="59" y="22"/>
                    </a:lnTo>
                    <a:close/>
                    <a:moveTo>
                      <a:pt x="30" y="33"/>
                    </a:moveTo>
                    <a:lnTo>
                      <a:pt x="30" y="33"/>
                    </a:lnTo>
                    <a:cubicBezTo>
                      <a:pt x="29" y="36"/>
                      <a:pt x="28" y="37"/>
                      <a:pt x="27" y="39"/>
                    </a:cubicBezTo>
                    <a:cubicBezTo>
                      <a:pt x="24" y="41"/>
                      <a:pt x="21" y="42"/>
                      <a:pt x="17" y="42"/>
                    </a:cubicBezTo>
                    <a:cubicBezTo>
                      <a:pt x="12" y="42"/>
                      <a:pt x="8" y="41"/>
                      <a:pt x="5" y="37"/>
                    </a:cubicBezTo>
                    <a:cubicBezTo>
                      <a:pt x="1" y="34"/>
                      <a:pt x="0" y="29"/>
                      <a:pt x="0" y="22"/>
                    </a:cubicBezTo>
                    <a:cubicBezTo>
                      <a:pt x="0" y="16"/>
                      <a:pt x="1" y="11"/>
                      <a:pt x="5" y="7"/>
                    </a:cubicBezTo>
                    <a:cubicBezTo>
                      <a:pt x="8" y="4"/>
                      <a:pt x="12" y="2"/>
                      <a:pt x="16" y="2"/>
                    </a:cubicBezTo>
                    <a:cubicBezTo>
                      <a:pt x="20" y="2"/>
                      <a:pt x="23" y="3"/>
                      <a:pt x="26" y="5"/>
                    </a:cubicBezTo>
                    <a:cubicBezTo>
                      <a:pt x="27" y="6"/>
                      <a:pt x="29" y="8"/>
                      <a:pt x="30" y="11"/>
                    </a:cubicBezTo>
                    <a:cubicBezTo>
                      <a:pt x="31" y="8"/>
                      <a:pt x="33" y="6"/>
                      <a:pt x="34" y="4"/>
                    </a:cubicBezTo>
                    <a:cubicBezTo>
                      <a:pt x="37" y="1"/>
                      <a:pt x="41" y="0"/>
                      <a:pt x="46" y="0"/>
                    </a:cubicBezTo>
                    <a:cubicBezTo>
                      <a:pt x="52" y="0"/>
                      <a:pt x="57" y="2"/>
                      <a:pt x="61" y="6"/>
                    </a:cubicBezTo>
                    <a:cubicBezTo>
                      <a:pt x="65" y="9"/>
                      <a:pt x="67" y="15"/>
                      <a:pt x="67" y="22"/>
                    </a:cubicBezTo>
                    <a:cubicBezTo>
                      <a:pt x="67" y="28"/>
                      <a:pt x="65" y="34"/>
                      <a:pt x="62" y="38"/>
                    </a:cubicBezTo>
                    <a:cubicBezTo>
                      <a:pt x="58" y="42"/>
                      <a:pt x="53" y="45"/>
                      <a:pt x="47" y="45"/>
                    </a:cubicBezTo>
                    <a:cubicBezTo>
                      <a:pt x="43" y="45"/>
                      <a:pt x="39" y="44"/>
                      <a:pt x="37" y="42"/>
                    </a:cubicBezTo>
                    <a:cubicBezTo>
                      <a:pt x="34" y="40"/>
                      <a:pt x="32" y="37"/>
                      <a:pt x="30" y="33"/>
                    </a:cubicBezTo>
                    <a:lnTo>
                      <a:pt x="30" y="33"/>
                    </a:lnTo>
                    <a:close/>
                  </a:path>
                </a:pathLst>
              </a:custGeom>
              <a:solidFill>
                <a:srgbClr val="000000"/>
              </a:solidFill>
              <a:ln w="0">
                <a:solidFill>
                  <a:srgbClr val="000000"/>
                </a:solidFill>
                <a:prstDash val="solid"/>
                <a:round/>
                <a:headEnd/>
                <a:tailEnd/>
              </a:ln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05" name="Freeform 179">
                <a:extLst>
                  <a:ext uri="{FF2B5EF4-FFF2-40B4-BE49-F238E27FC236}">
                    <a16:creationId xmlns:a16="http://schemas.microsoft.com/office/drawing/2014/main" id="{E5F6A825-820B-524F-8438-232885736FE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069008" y="2852936"/>
                <a:ext cx="2734866" cy="2069306"/>
              </a:xfrm>
              <a:custGeom>
                <a:avLst/>
                <a:gdLst>
                  <a:gd name="T0" fmla="*/ 0 w 2307"/>
                  <a:gd name="T1" fmla="*/ 1739 h 1739"/>
                  <a:gd name="T2" fmla="*/ 0 w 2307"/>
                  <a:gd name="T3" fmla="*/ 1739 h 1739"/>
                  <a:gd name="T4" fmla="*/ 2307 w 2307"/>
                  <a:gd name="T5" fmla="*/ 1739 h 1739"/>
                  <a:gd name="T6" fmla="*/ 2307 w 2307"/>
                  <a:gd name="T7" fmla="*/ 0 h 1739"/>
                  <a:gd name="T8" fmla="*/ 0 w 2307"/>
                  <a:gd name="T9" fmla="*/ 0 h 1739"/>
                  <a:gd name="T10" fmla="*/ 0 w 2307"/>
                  <a:gd name="T11" fmla="*/ 1739 h 173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307" h="1739">
                    <a:moveTo>
                      <a:pt x="0" y="1739"/>
                    </a:moveTo>
                    <a:lnTo>
                      <a:pt x="0" y="1739"/>
                    </a:lnTo>
                    <a:lnTo>
                      <a:pt x="2307" y="1739"/>
                    </a:lnTo>
                    <a:lnTo>
                      <a:pt x="2307" y="0"/>
                    </a:lnTo>
                    <a:lnTo>
                      <a:pt x="0" y="0"/>
                    </a:lnTo>
                    <a:lnTo>
                      <a:pt x="0" y="1739"/>
                    </a:lnTo>
                    <a:close/>
                  </a:path>
                </a:pathLst>
              </a:custGeom>
              <a:noFill/>
              <a:ln w="4763" cap="rnd">
                <a:solidFill>
                  <a:srgbClr val="000000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sp>
            <p:nvSpPr>
              <p:cNvPr id="106" name="Freeform 181">
                <a:extLst>
                  <a:ext uri="{FF2B5EF4-FFF2-40B4-BE49-F238E27FC236}">
                    <a16:creationId xmlns:a16="http://schemas.microsoft.com/office/drawing/2014/main" id="{EDC88E3F-2BE5-F84F-A0C7-BD35117A0B47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1170210" y="3650655"/>
                <a:ext cx="2532460" cy="917972"/>
              </a:xfrm>
              <a:custGeom>
                <a:avLst/>
                <a:gdLst>
                  <a:gd name="T0" fmla="*/ 0 w 2135"/>
                  <a:gd name="T1" fmla="*/ 772 h 772"/>
                  <a:gd name="T2" fmla="*/ 0 w 2135"/>
                  <a:gd name="T3" fmla="*/ 772 h 772"/>
                  <a:gd name="T4" fmla="*/ 38 w 2135"/>
                  <a:gd name="T5" fmla="*/ 691 h 772"/>
                  <a:gd name="T6" fmla="*/ 101 w 2135"/>
                  <a:gd name="T7" fmla="*/ 555 h 772"/>
                  <a:gd name="T8" fmla="*/ 101 w 2135"/>
                  <a:gd name="T9" fmla="*/ 555 h 772"/>
                  <a:gd name="T10" fmla="*/ 125 w 2135"/>
                  <a:gd name="T11" fmla="*/ 502 h 772"/>
                  <a:gd name="T12" fmla="*/ 143 w 2135"/>
                  <a:gd name="T13" fmla="*/ 475 h 772"/>
                  <a:gd name="T14" fmla="*/ 222 w 2135"/>
                  <a:gd name="T15" fmla="*/ 348 h 772"/>
                  <a:gd name="T16" fmla="*/ 222 w 2135"/>
                  <a:gd name="T17" fmla="*/ 348 h 772"/>
                  <a:gd name="T18" fmla="*/ 251 w 2135"/>
                  <a:gd name="T19" fmla="*/ 303 h 772"/>
                  <a:gd name="T20" fmla="*/ 275 w 2135"/>
                  <a:gd name="T21" fmla="*/ 275 h 772"/>
                  <a:gd name="T22" fmla="*/ 375 w 2135"/>
                  <a:gd name="T23" fmla="*/ 163 h 772"/>
                  <a:gd name="T24" fmla="*/ 375 w 2135"/>
                  <a:gd name="T25" fmla="*/ 163 h 772"/>
                  <a:gd name="T26" fmla="*/ 377 w 2135"/>
                  <a:gd name="T27" fmla="*/ 161 h 772"/>
                  <a:gd name="T28" fmla="*/ 447 w 2135"/>
                  <a:gd name="T29" fmla="*/ 109 h 772"/>
                  <a:gd name="T30" fmla="*/ 577 w 2135"/>
                  <a:gd name="T31" fmla="*/ 37 h 772"/>
                  <a:gd name="T32" fmla="*/ 577 w 2135"/>
                  <a:gd name="T33" fmla="*/ 37 h 772"/>
                  <a:gd name="T34" fmla="*/ 628 w 2135"/>
                  <a:gd name="T35" fmla="*/ 16 h 772"/>
                  <a:gd name="T36" fmla="*/ 662 w 2135"/>
                  <a:gd name="T37" fmla="*/ 11 h 772"/>
                  <a:gd name="T38" fmla="*/ 811 w 2135"/>
                  <a:gd name="T39" fmla="*/ 0 h 772"/>
                  <a:gd name="T40" fmla="*/ 811 w 2135"/>
                  <a:gd name="T41" fmla="*/ 0 h 772"/>
                  <a:gd name="T42" fmla="*/ 879 w 2135"/>
                  <a:gd name="T43" fmla="*/ 3 h 772"/>
                  <a:gd name="T44" fmla="*/ 901 w 2135"/>
                  <a:gd name="T45" fmla="*/ 8 h 772"/>
                  <a:gd name="T46" fmla="*/ 1046 w 2135"/>
                  <a:gd name="T47" fmla="*/ 45 h 772"/>
                  <a:gd name="T48" fmla="*/ 1046 w 2135"/>
                  <a:gd name="T49" fmla="*/ 45 h 772"/>
                  <a:gd name="T50" fmla="*/ 1130 w 2135"/>
                  <a:gd name="T51" fmla="*/ 74 h 772"/>
                  <a:gd name="T52" fmla="*/ 1131 w 2135"/>
                  <a:gd name="T53" fmla="*/ 74 h 772"/>
                  <a:gd name="T54" fmla="*/ 1268 w 2135"/>
                  <a:gd name="T55" fmla="*/ 134 h 772"/>
                  <a:gd name="T56" fmla="*/ 1268 w 2135"/>
                  <a:gd name="T57" fmla="*/ 134 h 772"/>
                  <a:gd name="T58" fmla="*/ 1349 w 2135"/>
                  <a:gd name="T59" fmla="*/ 174 h 772"/>
                  <a:gd name="T60" fmla="*/ 1481 w 2135"/>
                  <a:gd name="T61" fmla="*/ 244 h 772"/>
                  <a:gd name="T62" fmla="*/ 1481 w 2135"/>
                  <a:gd name="T63" fmla="*/ 244 h 772"/>
                  <a:gd name="T64" fmla="*/ 1507 w 2135"/>
                  <a:gd name="T65" fmla="*/ 258 h 772"/>
                  <a:gd name="T66" fmla="*/ 1561 w 2135"/>
                  <a:gd name="T67" fmla="*/ 287 h 772"/>
                  <a:gd name="T68" fmla="*/ 1692 w 2135"/>
                  <a:gd name="T69" fmla="*/ 359 h 772"/>
                  <a:gd name="T70" fmla="*/ 1692 w 2135"/>
                  <a:gd name="T71" fmla="*/ 359 h 772"/>
                  <a:gd name="T72" fmla="*/ 1758 w 2135"/>
                  <a:gd name="T73" fmla="*/ 395 h 772"/>
                  <a:gd name="T74" fmla="*/ 1771 w 2135"/>
                  <a:gd name="T75" fmla="*/ 402 h 772"/>
                  <a:gd name="T76" fmla="*/ 1904 w 2135"/>
                  <a:gd name="T77" fmla="*/ 471 h 772"/>
                  <a:gd name="T78" fmla="*/ 1904 w 2135"/>
                  <a:gd name="T79" fmla="*/ 471 h 772"/>
                  <a:gd name="T80" fmla="*/ 1985 w 2135"/>
                  <a:gd name="T81" fmla="*/ 512 h 772"/>
                  <a:gd name="T82" fmla="*/ 2121 w 2135"/>
                  <a:gd name="T83" fmla="*/ 575 h 772"/>
                  <a:gd name="T84" fmla="*/ 2121 w 2135"/>
                  <a:gd name="T85" fmla="*/ 575 h 772"/>
                  <a:gd name="T86" fmla="*/ 2135 w 2135"/>
                  <a:gd name="T87" fmla="*/ 582 h 77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</a:cxnLst>
                <a:rect l="0" t="0" r="r" b="b"/>
                <a:pathLst>
                  <a:path w="2135" h="772">
                    <a:moveTo>
                      <a:pt x="0" y="772"/>
                    </a:moveTo>
                    <a:lnTo>
                      <a:pt x="0" y="772"/>
                    </a:lnTo>
                    <a:lnTo>
                      <a:pt x="38" y="691"/>
                    </a:lnTo>
                    <a:moveTo>
                      <a:pt x="101" y="555"/>
                    </a:moveTo>
                    <a:lnTo>
                      <a:pt x="101" y="555"/>
                    </a:lnTo>
                    <a:lnTo>
                      <a:pt x="125" y="502"/>
                    </a:lnTo>
                    <a:lnTo>
                      <a:pt x="143" y="475"/>
                    </a:lnTo>
                    <a:moveTo>
                      <a:pt x="222" y="348"/>
                    </a:moveTo>
                    <a:lnTo>
                      <a:pt x="222" y="348"/>
                    </a:lnTo>
                    <a:lnTo>
                      <a:pt x="251" y="303"/>
                    </a:lnTo>
                    <a:lnTo>
                      <a:pt x="275" y="275"/>
                    </a:lnTo>
                    <a:moveTo>
                      <a:pt x="375" y="163"/>
                    </a:moveTo>
                    <a:lnTo>
                      <a:pt x="375" y="163"/>
                    </a:lnTo>
                    <a:lnTo>
                      <a:pt x="377" y="161"/>
                    </a:lnTo>
                    <a:lnTo>
                      <a:pt x="447" y="109"/>
                    </a:lnTo>
                    <a:moveTo>
                      <a:pt x="577" y="37"/>
                    </a:moveTo>
                    <a:lnTo>
                      <a:pt x="577" y="37"/>
                    </a:lnTo>
                    <a:lnTo>
                      <a:pt x="628" y="16"/>
                    </a:lnTo>
                    <a:lnTo>
                      <a:pt x="662" y="11"/>
                    </a:lnTo>
                    <a:moveTo>
                      <a:pt x="811" y="0"/>
                    </a:moveTo>
                    <a:lnTo>
                      <a:pt x="811" y="0"/>
                    </a:lnTo>
                    <a:lnTo>
                      <a:pt x="879" y="3"/>
                    </a:lnTo>
                    <a:lnTo>
                      <a:pt x="901" y="8"/>
                    </a:lnTo>
                    <a:moveTo>
                      <a:pt x="1046" y="45"/>
                    </a:moveTo>
                    <a:lnTo>
                      <a:pt x="1046" y="45"/>
                    </a:lnTo>
                    <a:lnTo>
                      <a:pt x="1130" y="74"/>
                    </a:lnTo>
                    <a:lnTo>
                      <a:pt x="1131" y="74"/>
                    </a:lnTo>
                    <a:moveTo>
                      <a:pt x="1268" y="134"/>
                    </a:moveTo>
                    <a:lnTo>
                      <a:pt x="1268" y="134"/>
                    </a:lnTo>
                    <a:lnTo>
                      <a:pt x="1349" y="174"/>
                    </a:lnTo>
                    <a:moveTo>
                      <a:pt x="1481" y="244"/>
                    </a:moveTo>
                    <a:lnTo>
                      <a:pt x="1481" y="244"/>
                    </a:lnTo>
                    <a:lnTo>
                      <a:pt x="1507" y="258"/>
                    </a:lnTo>
                    <a:lnTo>
                      <a:pt x="1561" y="287"/>
                    </a:lnTo>
                    <a:moveTo>
                      <a:pt x="1692" y="359"/>
                    </a:moveTo>
                    <a:lnTo>
                      <a:pt x="1692" y="359"/>
                    </a:lnTo>
                    <a:lnTo>
                      <a:pt x="1758" y="395"/>
                    </a:lnTo>
                    <a:lnTo>
                      <a:pt x="1771" y="402"/>
                    </a:lnTo>
                    <a:moveTo>
                      <a:pt x="1904" y="471"/>
                    </a:moveTo>
                    <a:lnTo>
                      <a:pt x="1904" y="471"/>
                    </a:lnTo>
                    <a:lnTo>
                      <a:pt x="1985" y="512"/>
                    </a:lnTo>
                    <a:moveTo>
                      <a:pt x="2121" y="575"/>
                    </a:moveTo>
                    <a:lnTo>
                      <a:pt x="2121" y="575"/>
                    </a:lnTo>
                    <a:lnTo>
                      <a:pt x="2135" y="582"/>
                    </a:lnTo>
                  </a:path>
                </a:pathLst>
              </a:custGeom>
              <a:noFill/>
              <a:ln w="47625" cap="rnd">
                <a:solidFill>
                  <a:srgbClr val="FFFFFF"/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</p:grpSp>
        <p:sp>
          <p:nvSpPr>
            <p:cNvPr id="107" name="Freeform 182">
              <a:extLst>
                <a:ext uri="{FF2B5EF4-FFF2-40B4-BE49-F238E27FC236}">
                  <a16:creationId xmlns:a16="http://schemas.microsoft.com/office/drawing/2014/main" id="{AFC5E004-1986-664F-ACA0-3D4C04C60562}"/>
                </a:ext>
              </a:extLst>
            </p:cNvPr>
            <p:cNvSpPr>
              <a:spLocks/>
            </p:cNvSpPr>
            <p:nvPr/>
          </p:nvSpPr>
          <p:spPr bwMode="auto">
            <a:xfrm>
              <a:off x="2763637" y="5230554"/>
              <a:ext cx="4201942" cy="816673"/>
            </a:xfrm>
            <a:custGeom>
              <a:avLst/>
              <a:gdLst>
                <a:gd name="T0" fmla="*/ 0 w 2135"/>
                <a:gd name="T1" fmla="*/ 81 h 724"/>
                <a:gd name="T2" fmla="*/ 0 w 2135"/>
                <a:gd name="T3" fmla="*/ 81 h 724"/>
                <a:gd name="T4" fmla="*/ 125 w 2135"/>
                <a:gd name="T5" fmla="*/ 0 h 724"/>
                <a:gd name="T6" fmla="*/ 251 w 2135"/>
                <a:gd name="T7" fmla="*/ 2 h 724"/>
                <a:gd name="T8" fmla="*/ 377 w 2135"/>
                <a:gd name="T9" fmla="*/ 48 h 724"/>
                <a:gd name="T10" fmla="*/ 502 w 2135"/>
                <a:gd name="T11" fmla="*/ 129 h 724"/>
                <a:gd name="T12" fmla="*/ 628 w 2135"/>
                <a:gd name="T13" fmla="*/ 195 h 724"/>
                <a:gd name="T14" fmla="*/ 754 w 2135"/>
                <a:gd name="T15" fmla="*/ 224 h 724"/>
                <a:gd name="T16" fmla="*/ 879 w 2135"/>
                <a:gd name="T17" fmla="*/ 191 h 724"/>
                <a:gd name="T18" fmla="*/ 1005 w 2135"/>
                <a:gd name="T19" fmla="*/ 104 h 724"/>
                <a:gd name="T20" fmla="*/ 1130 w 2135"/>
                <a:gd name="T21" fmla="*/ 43 h 724"/>
                <a:gd name="T22" fmla="*/ 1256 w 2135"/>
                <a:gd name="T23" fmla="*/ 92 h 724"/>
                <a:gd name="T24" fmla="*/ 1382 w 2135"/>
                <a:gd name="T25" fmla="*/ 228 h 724"/>
                <a:gd name="T26" fmla="*/ 1507 w 2135"/>
                <a:gd name="T27" fmla="*/ 392 h 724"/>
                <a:gd name="T28" fmla="*/ 1633 w 2135"/>
                <a:gd name="T29" fmla="*/ 493 h 724"/>
                <a:gd name="T30" fmla="*/ 1758 w 2135"/>
                <a:gd name="T31" fmla="*/ 554 h 724"/>
                <a:gd name="T32" fmla="*/ 1884 w 2135"/>
                <a:gd name="T33" fmla="*/ 606 h 724"/>
                <a:gd name="T34" fmla="*/ 2010 w 2135"/>
                <a:gd name="T35" fmla="*/ 652 h 724"/>
                <a:gd name="T36" fmla="*/ 2135 w 2135"/>
                <a:gd name="T37" fmla="*/ 724 h 7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135" h="724">
                  <a:moveTo>
                    <a:pt x="0" y="81"/>
                  </a:moveTo>
                  <a:lnTo>
                    <a:pt x="0" y="81"/>
                  </a:lnTo>
                  <a:lnTo>
                    <a:pt x="125" y="0"/>
                  </a:lnTo>
                  <a:lnTo>
                    <a:pt x="251" y="2"/>
                  </a:lnTo>
                  <a:lnTo>
                    <a:pt x="377" y="48"/>
                  </a:lnTo>
                  <a:lnTo>
                    <a:pt x="502" y="129"/>
                  </a:lnTo>
                  <a:lnTo>
                    <a:pt x="628" y="195"/>
                  </a:lnTo>
                  <a:lnTo>
                    <a:pt x="754" y="224"/>
                  </a:lnTo>
                  <a:lnTo>
                    <a:pt x="879" y="191"/>
                  </a:lnTo>
                  <a:lnTo>
                    <a:pt x="1005" y="104"/>
                  </a:lnTo>
                  <a:lnTo>
                    <a:pt x="1130" y="43"/>
                  </a:lnTo>
                  <a:lnTo>
                    <a:pt x="1256" y="92"/>
                  </a:lnTo>
                  <a:lnTo>
                    <a:pt x="1382" y="228"/>
                  </a:lnTo>
                  <a:lnTo>
                    <a:pt x="1507" y="392"/>
                  </a:lnTo>
                  <a:lnTo>
                    <a:pt x="1633" y="493"/>
                  </a:lnTo>
                  <a:lnTo>
                    <a:pt x="1758" y="554"/>
                  </a:lnTo>
                  <a:lnTo>
                    <a:pt x="1884" y="606"/>
                  </a:lnTo>
                  <a:lnTo>
                    <a:pt x="2010" y="652"/>
                  </a:lnTo>
                  <a:lnTo>
                    <a:pt x="2135" y="724"/>
                  </a:lnTo>
                </a:path>
              </a:pathLst>
            </a:custGeom>
            <a:noFill/>
            <a:ln w="34925" cap="rnd">
              <a:solidFill>
                <a:schemeClr val="tx1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08" name="TextBox 107">
              <a:extLst>
                <a:ext uri="{FF2B5EF4-FFF2-40B4-BE49-F238E27FC236}">
                  <a16:creationId xmlns:a16="http://schemas.microsoft.com/office/drawing/2014/main" id="{3EB0482D-003D-AB4A-9D7D-64F48E869339}"/>
                </a:ext>
              </a:extLst>
            </p:cNvPr>
            <p:cNvSpPr txBox="1"/>
            <p:nvPr/>
          </p:nvSpPr>
          <p:spPr>
            <a:xfrm>
              <a:off x="2815455" y="5633585"/>
              <a:ext cx="1906099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dirty="0"/>
                <a:t>Reference points</a:t>
              </a:r>
            </a:p>
          </p:txBody>
        </p:sp>
      </p:grpSp>
      <p:grpSp>
        <p:nvGrpSpPr>
          <p:cNvPr id="109" name="Group 4">
            <a:extLst>
              <a:ext uri="{FF2B5EF4-FFF2-40B4-BE49-F238E27FC236}">
                <a16:creationId xmlns:a16="http://schemas.microsoft.com/office/drawing/2014/main" id="{A71206BD-41B8-9F4D-B8E3-0430BAAF0827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913262" y="2399200"/>
            <a:ext cx="4922977" cy="1417669"/>
            <a:chOff x="2873" y="1148"/>
            <a:chExt cx="1935" cy="2743"/>
          </a:xfrm>
        </p:grpSpPr>
        <p:sp>
          <p:nvSpPr>
            <p:cNvPr id="110" name="AutoShape 3">
              <a:extLst>
                <a:ext uri="{FF2B5EF4-FFF2-40B4-BE49-F238E27FC236}">
                  <a16:creationId xmlns:a16="http://schemas.microsoft.com/office/drawing/2014/main" id="{9D7F1230-E4DF-1745-B981-50E0A9E724C2}"/>
                </a:ext>
              </a:extLst>
            </p:cNvPr>
            <p:cNvSpPr>
              <a:spLocks noChangeAspect="1" noChangeArrowheads="1" noTextEdit="1"/>
            </p:cNvSpPr>
            <p:nvPr/>
          </p:nvSpPr>
          <p:spPr bwMode="auto">
            <a:xfrm>
              <a:off x="2873" y="1150"/>
              <a:ext cx="1934" cy="274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11" name="Rectangle 5">
              <a:extLst>
                <a:ext uri="{FF2B5EF4-FFF2-40B4-BE49-F238E27FC236}">
                  <a16:creationId xmlns:a16="http://schemas.microsoft.com/office/drawing/2014/main" id="{117BEA9E-B283-0448-ADC8-78D2918CFBF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873" y="1148"/>
              <a:ext cx="1935" cy="2740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12" name="Line 6">
              <a:extLst>
                <a:ext uri="{FF2B5EF4-FFF2-40B4-BE49-F238E27FC236}">
                  <a16:creationId xmlns:a16="http://schemas.microsoft.com/office/drawing/2014/main" id="{681A9D6F-FF2B-324E-B1F9-5174BFAEA43E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203" y="3791"/>
              <a:ext cx="0" cy="9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13" name="Line 7">
              <a:extLst>
                <a:ext uri="{FF2B5EF4-FFF2-40B4-BE49-F238E27FC236}">
                  <a16:creationId xmlns:a16="http://schemas.microsoft.com/office/drawing/2014/main" id="{A3E9E61E-F61C-8F45-88BA-FD46B3629693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580" y="3791"/>
              <a:ext cx="0" cy="9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14" name="Line 8">
              <a:extLst>
                <a:ext uri="{FF2B5EF4-FFF2-40B4-BE49-F238E27FC236}">
                  <a16:creationId xmlns:a16="http://schemas.microsoft.com/office/drawing/2014/main" id="{438842C7-25A2-2C4B-91BF-10ED393F2F2A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957" y="3791"/>
              <a:ext cx="0" cy="9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15" name="Line 9">
              <a:extLst>
                <a:ext uri="{FF2B5EF4-FFF2-40B4-BE49-F238E27FC236}">
                  <a16:creationId xmlns:a16="http://schemas.microsoft.com/office/drawing/2014/main" id="{C75EAC7A-169C-EF41-A30D-6C1E0A4CD260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4335" y="3791"/>
              <a:ext cx="0" cy="9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16" name="Line 10">
              <a:extLst>
                <a:ext uri="{FF2B5EF4-FFF2-40B4-BE49-F238E27FC236}">
                  <a16:creationId xmlns:a16="http://schemas.microsoft.com/office/drawing/2014/main" id="{6BFB3762-CE83-FC42-8A2E-700F49209C28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4712" y="3791"/>
              <a:ext cx="0" cy="9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17" name="Line 11">
              <a:extLst>
                <a:ext uri="{FF2B5EF4-FFF2-40B4-BE49-F238E27FC236}">
                  <a16:creationId xmlns:a16="http://schemas.microsoft.com/office/drawing/2014/main" id="{1E200BB7-9891-E54C-A155-50F35003D809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3203" y="3800"/>
              <a:ext cx="0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18" name="Line 12">
              <a:extLst>
                <a:ext uri="{FF2B5EF4-FFF2-40B4-BE49-F238E27FC236}">
                  <a16:creationId xmlns:a16="http://schemas.microsoft.com/office/drawing/2014/main" id="{8D9A7A19-E9CD-C743-9448-4C3A7926EF47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3580" y="3800"/>
              <a:ext cx="0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19" name="Line 13">
              <a:extLst>
                <a:ext uri="{FF2B5EF4-FFF2-40B4-BE49-F238E27FC236}">
                  <a16:creationId xmlns:a16="http://schemas.microsoft.com/office/drawing/2014/main" id="{D9F34983-9B4B-F54C-ACF1-CF20D93F02F0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3957" y="3800"/>
              <a:ext cx="0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20" name="Line 14">
              <a:extLst>
                <a:ext uri="{FF2B5EF4-FFF2-40B4-BE49-F238E27FC236}">
                  <a16:creationId xmlns:a16="http://schemas.microsoft.com/office/drawing/2014/main" id="{FFE030DC-4CB0-BD4B-BC15-712E1A080D8C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4335" y="3800"/>
              <a:ext cx="0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21" name="Line 15">
              <a:extLst>
                <a:ext uri="{FF2B5EF4-FFF2-40B4-BE49-F238E27FC236}">
                  <a16:creationId xmlns:a16="http://schemas.microsoft.com/office/drawing/2014/main" id="{959052D1-0168-C74D-9637-EC92F764385B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4712" y="3800"/>
              <a:ext cx="0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22" name="Freeform 16">
              <a:extLst>
                <a:ext uri="{FF2B5EF4-FFF2-40B4-BE49-F238E27FC236}">
                  <a16:creationId xmlns:a16="http://schemas.microsoft.com/office/drawing/2014/main" id="{A4C35293-8264-9841-89C0-1DC41EF3ABFF}"/>
                </a:ext>
              </a:extLst>
            </p:cNvPr>
            <p:cNvSpPr>
              <a:spLocks/>
            </p:cNvSpPr>
            <p:nvPr/>
          </p:nvSpPr>
          <p:spPr bwMode="auto">
            <a:xfrm>
              <a:off x="3186" y="3818"/>
              <a:ext cx="7" cy="19"/>
            </a:xfrm>
            <a:custGeom>
              <a:avLst/>
              <a:gdLst>
                <a:gd name="T0" fmla="*/ 35 w 35"/>
                <a:gd name="T1" fmla="*/ 96 h 96"/>
                <a:gd name="T2" fmla="*/ 23 w 35"/>
                <a:gd name="T3" fmla="*/ 96 h 96"/>
                <a:gd name="T4" fmla="*/ 23 w 35"/>
                <a:gd name="T5" fmla="*/ 21 h 96"/>
                <a:gd name="T6" fmla="*/ 12 w 35"/>
                <a:gd name="T7" fmla="*/ 29 h 96"/>
                <a:gd name="T8" fmla="*/ 0 w 35"/>
                <a:gd name="T9" fmla="*/ 35 h 96"/>
                <a:gd name="T10" fmla="*/ 0 w 35"/>
                <a:gd name="T11" fmla="*/ 24 h 96"/>
                <a:gd name="T12" fmla="*/ 17 w 35"/>
                <a:gd name="T13" fmla="*/ 13 h 96"/>
                <a:gd name="T14" fmla="*/ 28 w 35"/>
                <a:gd name="T15" fmla="*/ 0 h 96"/>
                <a:gd name="T16" fmla="*/ 35 w 35"/>
                <a:gd name="T17" fmla="*/ 0 h 96"/>
                <a:gd name="T18" fmla="*/ 35 w 35"/>
                <a:gd name="T19" fmla="*/ 96 h 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35" h="96">
                  <a:moveTo>
                    <a:pt x="35" y="96"/>
                  </a:moveTo>
                  <a:lnTo>
                    <a:pt x="23" y="96"/>
                  </a:lnTo>
                  <a:lnTo>
                    <a:pt x="23" y="21"/>
                  </a:lnTo>
                  <a:cubicBezTo>
                    <a:pt x="21" y="24"/>
                    <a:pt x="17" y="27"/>
                    <a:pt x="12" y="29"/>
                  </a:cubicBezTo>
                  <a:cubicBezTo>
                    <a:pt x="8" y="32"/>
                    <a:pt x="4" y="34"/>
                    <a:pt x="0" y="35"/>
                  </a:cubicBezTo>
                  <a:lnTo>
                    <a:pt x="0" y="24"/>
                  </a:lnTo>
                  <a:cubicBezTo>
                    <a:pt x="7" y="21"/>
                    <a:pt x="12" y="17"/>
                    <a:pt x="17" y="13"/>
                  </a:cubicBezTo>
                  <a:cubicBezTo>
                    <a:pt x="22" y="8"/>
                    <a:pt x="26" y="4"/>
                    <a:pt x="28" y="0"/>
                  </a:cubicBezTo>
                  <a:lnTo>
                    <a:pt x="35" y="0"/>
                  </a:lnTo>
                  <a:lnTo>
                    <a:pt x="35" y="96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23" name="Freeform 17">
              <a:extLst>
                <a:ext uri="{FF2B5EF4-FFF2-40B4-BE49-F238E27FC236}">
                  <a16:creationId xmlns:a16="http://schemas.microsoft.com/office/drawing/2014/main" id="{88BD5055-3716-264E-82DC-A1122EC3BD7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199" y="3818"/>
              <a:ext cx="12" cy="19"/>
            </a:xfrm>
            <a:custGeom>
              <a:avLst/>
              <a:gdLst>
                <a:gd name="T0" fmla="*/ 0 w 62"/>
                <a:gd name="T1" fmla="*/ 49 h 97"/>
                <a:gd name="T2" fmla="*/ 4 w 62"/>
                <a:gd name="T3" fmla="*/ 22 h 97"/>
                <a:gd name="T4" fmla="*/ 14 w 62"/>
                <a:gd name="T5" fmla="*/ 6 h 97"/>
                <a:gd name="T6" fmla="*/ 31 w 62"/>
                <a:gd name="T7" fmla="*/ 0 h 97"/>
                <a:gd name="T8" fmla="*/ 45 w 62"/>
                <a:gd name="T9" fmla="*/ 3 h 97"/>
                <a:gd name="T10" fmla="*/ 54 w 62"/>
                <a:gd name="T11" fmla="*/ 12 h 97"/>
                <a:gd name="T12" fmla="*/ 60 w 62"/>
                <a:gd name="T13" fmla="*/ 26 h 97"/>
                <a:gd name="T14" fmla="*/ 62 w 62"/>
                <a:gd name="T15" fmla="*/ 49 h 97"/>
                <a:gd name="T16" fmla="*/ 59 w 62"/>
                <a:gd name="T17" fmla="*/ 76 h 97"/>
                <a:gd name="T18" fmla="*/ 49 w 62"/>
                <a:gd name="T19" fmla="*/ 92 h 97"/>
                <a:gd name="T20" fmla="*/ 31 w 62"/>
                <a:gd name="T21" fmla="*/ 97 h 97"/>
                <a:gd name="T22" fmla="*/ 10 w 62"/>
                <a:gd name="T23" fmla="*/ 88 h 97"/>
                <a:gd name="T24" fmla="*/ 0 w 62"/>
                <a:gd name="T25" fmla="*/ 49 h 97"/>
                <a:gd name="T26" fmla="*/ 12 w 62"/>
                <a:gd name="T27" fmla="*/ 49 h 97"/>
                <a:gd name="T28" fmla="*/ 18 w 62"/>
                <a:gd name="T29" fmla="*/ 80 h 97"/>
                <a:gd name="T30" fmla="*/ 31 w 62"/>
                <a:gd name="T31" fmla="*/ 88 h 97"/>
                <a:gd name="T32" fmla="*/ 45 w 62"/>
                <a:gd name="T33" fmla="*/ 80 h 97"/>
                <a:gd name="T34" fmla="*/ 50 w 62"/>
                <a:gd name="T35" fmla="*/ 49 h 97"/>
                <a:gd name="T36" fmla="*/ 45 w 62"/>
                <a:gd name="T37" fmla="*/ 17 h 97"/>
                <a:gd name="T38" fmla="*/ 31 w 62"/>
                <a:gd name="T39" fmla="*/ 10 h 97"/>
                <a:gd name="T40" fmla="*/ 18 w 62"/>
                <a:gd name="T41" fmla="*/ 17 h 97"/>
                <a:gd name="T42" fmla="*/ 12 w 62"/>
                <a:gd name="T43" fmla="*/ 49 h 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62" h="97">
                  <a:moveTo>
                    <a:pt x="0" y="49"/>
                  </a:moveTo>
                  <a:cubicBezTo>
                    <a:pt x="0" y="37"/>
                    <a:pt x="1" y="28"/>
                    <a:pt x="4" y="22"/>
                  </a:cubicBezTo>
                  <a:cubicBezTo>
                    <a:pt x="6" y="15"/>
                    <a:pt x="9" y="9"/>
                    <a:pt x="14" y="6"/>
                  </a:cubicBezTo>
                  <a:cubicBezTo>
                    <a:pt x="19" y="2"/>
                    <a:pt x="24" y="0"/>
                    <a:pt x="31" y="0"/>
                  </a:cubicBezTo>
                  <a:cubicBezTo>
                    <a:pt x="36" y="0"/>
                    <a:pt x="41" y="1"/>
                    <a:pt x="45" y="3"/>
                  </a:cubicBezTo>
                  <a:cubicBezTo>
                    <a:pt x="49" y="5"/>
                    <a:pt x="52" y="8"/>
                    <a:pt x="54" y="12"/>
                  </a:cubicBezTo>
                  <a:cubicBezTo>
                    <a:pt x="57" y="16"/>
                    <a:pt x="59" y="21"/>
                    <a:pt x="60" y="26"/>
                  </a:cubicBezTo>
                  <a:cubicBezTo>
                    <a:pt x="62" y="32"/>
                    <a:pt x="62" y="39"/>
                    <a:pt x="62" y="49"/>
                  </a:cubicBezTo>
                  <a:cubicBezTo>
                    <a:pt x="62" y="60"/>
                    <a:pt x="61" y="69"/>
                    <a:pt x="59" y="76"/>
                  </a:cubicBezTo>
                  <a:cubicBezTo>
                    <a:pt x="57" y="83"/>
                    <a:pt x="53" y="88"/>
                    <a:pt x="49" y="92"/>
                  </a:cubicBezTo>
                  <a:cubicBezTo>
                    <a:pt x="44" y="96"/>
                    <a:pt x="38" y="97"/>
                    <a:pt x="31" y="97"/>
                  </a:cubicBezTo>
                  <a:cubicBezTo>
                    <a:pt x="22" y="97"/>
                    <a:pt x="15" y="94"/>
                    <a:pt x="10" y="88"/>
                  </a:cubicBezTo>
                  <a:cubicBezTo>
                    <a:pt x="3" y="80"/>
                    <a:pt x="0" y="67"/>
                    <a:pt x="0" y="49"/>
                  </a:cubicBezTo>
                  <a:close/>
                  <a:moveTo>
                    <a:pt x="12" y="49"/>
                  </a:moveTo>
                  <a:cubicBezTo>
                    <a:pt x="12" y="64"/>
                    <a:pt x="14" y="75"/>
                    <a:pt x="18" y="80"/>
                  </a:cubicBezTo>
                  <a:cubicBezTo>
                    <a:pt x="21" y="85"/>
                    <a:pt x="26" y="88"/>
                    <a:pt x="31" y="88"/>
                  </a:cubicBezTo>
                  <a:cubicBezTo>
                    <a:pt x="37" y="88"/>
                    <a:pt x="41" y="85"/>
                    <a:pt x="45" y="80"/>
                  </a:cubicBezTo>
                  <a:cubicBezTo>
                    <a:pt x="49" y="75"/>
                    <a:pt x="50" y="64"/>
                    <a:pt x="50" y="49"/>
                  </a:cubicBezTo>
                  <a:cubicBezTo>
                    <a:pt x="50" y="33"/>
                    <a:pt x="49" y="23"/>
                    <a:pt x="45" y="17"/>
                  </a:cubicBezTo>
                  <a:cubicBezTo>
                    <a:pt x="41" y="12"/>
                    <a:pt x="37" y="10"/>
                    <a:pt x="31" y="10"/>
                  </a:cubicBezTo>
                  <a:cubicBezTo>
                    <a:pt x="26" y="10"/>
                    <a:pt x="21" y="12"/>
                    <a:pt x="18" y="17"/>
                  </a:cubicBezTo>
                  <a:cubicBezTo>
                    <a:pt x="14" y="22"/>
                    <a:pt x="12" y="33"/>
                    <a:pt x="12" y="49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24" name="Freeform 18">
              <a:extLst>
                <a:ext uri="{FF2B5EF4-FFF2-40B4-BE49-F238E27FC236}">
                  <a16:creationId xmlns:a16="http://schemas.microsoft.com/office/drawing/2014/main" id="{57B6252C-A2C5-0D48-9B85-4D33BBC8A480}"/>
                </a:ext>
              </a:extLst>
            </p:cNvPr>
            <p:cNvSpPr>
              <a:spLocks/>
            </p:cNvSpPr>
            <p:nvPr/>
          </p:nvSpPr>
          <p:spPr bwMode="auto">
            <a:xfrm>
              <a:off x="3214" y="3810"/>
              <a:ext cx="5" cy="14"/>
            </a:xfrm>
            <a:custGeom>
              <a:avLst/>
              <a:gdLst>
                <a:gd name="T0" fmla="*/ 26 w 26"/>
                <a:gd name="T1" fmla="*/ 72 h 72"/>
                <a:gd name="T2" fmla="*/ 17 w 26"/>
                <a:gd name="T3" fmla="*/ 72 h 72"/>
                <a:gd name="T4" fmla="*/ 17 w 26"/>
                <a:gd name="T5" fmla="*/ 16 h 72"/>
                <a:gd name="T6" fmla="*/ 9 w 26"/>
                <a:gd name="T7" fmla="*/ 22 h 72"/>
                <a:gd name="T8" fmla="*/ 0 w 26"/>
                <a:gd name="T9" fmla="*/ 26 h 72"/>
                <a:gd name="T10" fmla="*/ 0 w 26"/>
                <a:gd name="T11" fmla="*/ 18 h 72"/>
                <a:gd name="T12" fmla="*/ 13 w 26"/>
                <a:gd name="T13" fmla="*/ 9 h 72"/>
                <a:gd name="T14" fmla="*/ 20 w 26"/>
                <a:gd name="T15" fmla="*/ 0 h 72"/>
                <a:gd name="T16" fmla="*/ 26 w 26"/>
                <a:gd name="T17" fmla="*/ 0 h 72"/>
                <a:gd name="T18" fmla="*/ 26 w 26"/>
                <a:gd name="T19" fmla="*/ 72 h 7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6" h="72">
                  <a:moveTo>
                    <a:pt x="26" y="72"/>
                  </a:moveTo>
                  <a:lnTo>
                    <a:pt x="17" y="72"/>
                  </a:lnTo>
                  <a:lnTo>
                    <a:pt x="17" y="16"/>
                  </a:lnTo>
                  <a:cubicBezTo>
                    <a:pt x="15" y="18"/>
                    <a:pt x="12" y="20"/>
                    <a:pt x="9" y="22"/>
                  </a:cubicBezTo>
                  <a:cubicBezTo>
                    <a:pt x="6" y="24"/>
                    <a:pt x="2" y="25"/>
                    <a:pt x="0" y="26"/>
                  </a:cubicBezTo>
                  <a:lnTo>
                    <a:pt x="0" y="18"/>
                  </a:lnTo>
                  <a:cubicBezTo>
                    <a:pt x="5" y="15"/>
                    <a:pt x="9" y="13"/>
                    <a:pt x="13" y="9"/>
                  </a:cubicBezTo>
                  <a:cubicBezTo>
                    <a:pt x="16" y="6"/>
                    <a:pt x="19" y="3"/>
                    <a:pt x="20" y="0"/>
                  </a:cubicBezTo>
                  <a:lnTo>
                    <a:pt x="26" y="0"/>
                  </a:lnTo>
                  <a:lnTo>
                    <a:pt x="26" y="72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25" name="Freeform 19">
              <a:extLst>
                <a:ext uri="{FF2B5EF4-FFF2-40B4-BE49-F238E27FC236}">
                  <a16:creationId xmlns:a16="http://schemas.microsoft.com/office/drawing/2014/main" id="{240D5805-CBCC-7342-95BB-F1759E7B9909}"/>
                </a:ext>
              </a:extLst>
            </p:cNvPr>
            <p:cNvSpPr>
              <a:spLocks/>
            </p:cNvSpPr>
            <p:nvPr/>
          </p:nvSpPr>
          <p:spPr bwMode="auto">
            <a:xfrm>
              <a:off x="3563" y="3818"/>
              <a:ext cx="7" cy="19"/>
            </a:xfrm>
            <a:custGeom>
              <a:avLst/>
              <a:gdLst>
                <a:gd name="T0" fmla="*/ 35 w 35"/>
                <a:gd name="T1" fmla="*/ 96 h 96"/>
                <a:gd name="T2" fmla="*/ 23 w 35"/>
                <a:gd name="T3" fmla="*/ 96 h 96"/>
                <a:gd name="T4" fmla="*/ 23 w 35"/>
                <a:gd name="T5" fmla="*/ 21 h 96"/>
                <a:gd name="T6" fmla="*/ 12 w 35"/>
                <a:gd name="T7" fmla="*/ 29 h 96"/>
                <a:gd name="T8" fmla="*/ 0 w 35"/>
                <a:gd name="T9" fmla="*/ 35 h 96"/>
                <a:gd name="T10" fmla="*/ 0 w 35"/>
                <a:gd name="T11" fmla="*/ 24 h 96"/>
                <a:gd name="T12" fmla="*/ 17 w 35"/>
                <a:gd name="T13" fmla="*/ 13 h 96"/>
                <a:gd name="T14" fmla="*/ 27 w 35"/>
                <a:gd name="T15" fmla="*/ 0 h 96"/>
                <a:gd name="T16" fmla="*/ 35 w 35"/>
                <a:gd name="T17" fmla="*/ 0 h 96"/>
                <a:gd name="T18" fmla="*/ 35 w 35"/>
                <a:gd name="T19" fmla="*/ 96 h 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35" h="96">
                  <a:moveTo>
                    <a:pt x="35" y="96"/>
                  </a:moveTo>
                  <a:lnTo>
                    <a:pt x="23" y="96"/>
                  </a:lnTo>
                  <a:lnTo>
                    <a:pt x="23" y="21"/>
                  </a:lnTo>
                  <a:cubicBezTo>
                    <a:pt x="20" y="24"/>
                    <a:pt x="17" y="27"/>
                    <a:pt x="12" y="29"/>
                  </a:cubicBezTo>
                  <a:cubicBezTo>
                    <a:pt x="8" y="32"/>
                    <a:pt x="3" y="34"/>
                    <a:pt x="0" y="35"/>
                  </a:cubicBezTo>
                  <a:lnTo>
                    <a:pt x="0" y="24"/>
                  </a:lnTo>
                  <a:cubicBezTo>
                    <a:pt x="6" y="21"/>
                    <a:pt x="12" y="17"/>
                    <a:pt x="17" y="13"/>
                  </a:cubicBezTo>
                  <a:cubicBezTo>
                    <a:pt x="22" y="8"/>
                    <a:pt x="25" y="4"/>
                    <a:pt x="27" y="0"/>
                  </a:cubicBezTo>
                  <a:lnTo>
                    <a:pt x="35" y="0"/>
                  </a:lnTo>
                  <a:lnTo>
                    <a:pt x="35" y="96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26" name="Freeform 20">
              <a:extLst>
                <a:ext uri="{FF2B5EF4-FFF2-40B4-BE49-F238E27FC236}">
                  <a16:creationId xmlns:a16="http://schemas.microsoft.com/office/drawing/2014/main" id="{BED20FB6-B321-FF43-82ED-99EF8B9362C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576" y="3818"/>
              <a:ext cx="12" cy="19"/>
            </a:xfrm>
            <a:custGeom>
              <a:avLst/>
              <a:gdLst>
                <a:gd name="T0" fmla="*/ 0 w 62"/>
                <a:gd name="T1" fmla="*/ 49 h 97"/>
                <a:gd name="T2" fmla="*/ 3 w 62"/>
                <a:gd name="T3" fmla="*/ 22 h 97"/>
                <a:gd name="T4" fmla="*/ 14 w 62"/>
                <a:gd name="T5" fmla="*/ 6 h 97"/>
                <a:gd name="T6" fmla="*/ 31 w 62"/>
                <a:gd name="T7" fmla="*/ 0 h 97"/>
                <a:gd name="T8" fmla="*/ 45 w 62"/>
                <a:gd name="T9" fmla="*/ 3 h 97"/>
                <a:gd name="T10" fmla="*/ 54 w 62"/>
                <a:gd name="T11" fmla="*/ 12 h 97"/>
                <a:gd name="T12" fmla="*/ 60 w 62"/>
                <a:gd name="T13" fmla="*/ 26 h 97"/>
                <a:gd name="T14" fmla="*/ 62 w 62"/>
                <a:gd name="T15" fmla="*/ 49 h 97"/>
                <a:gd name="T16" fmla="*/ 59 w 62"/>
                <a:gd name="T17" fmla="*/ 76 h 97"/>
                <a:gd name="T18" fmla="*/ 48 w 62"/>
                <a:gd name="T19" fmla="*/ 92 h 97"/>
                <a:gd name="T20" fmla="*/ 31 w 62"/>
                <a:gd name="T21" fmla="*/ 97 h 97"/>
                <a:gd name="T22" fmla="*/ 9 w 62"/>
                <a:gd name="T23" fmla="*/ 88 h 97"/>
                <a:gd name="T24" fmla="*/ 0 w 62"/>
                <a:gd name="T25" fmla="*/ 49 h 97"/>
                <a:gd name="T26" fmla="*/ 12 w 62"/>
                <a:gd name="T27" fmla="*/ 49 h 97"/>
                <a:gd name="T28" fmla="*/ 18 w 62"/>
                <a:gd name="T29" fmla="*/ 80 h 97"/>
                <a:gd name="T30" fmla="*/ 31 w 62"/>
                <a:gd name="T31" fmla="*/ 88 h 97"/>
                <a:gd name="T32" fmla="*/ 45 w 62"/>
                <a:gd name="T33" fmla="*/ 80 h 97"/>
                <a:gd name="T34" fmla="*/ 50 w 62"/>
                <a:gd name="T35" fmla="*/ 49 h 97"/>
                <a:gd name="T36" fmla="*/ 45 w 62"/>
                <a:gd name="T37" fmla="*/ 17 h 97"/>
                <a:gd name="T38" fmla="*/ 31 w 62"/>
                <a:gd name="T39" fmla="*/ 10 h 97"/>
                <a:gd name="T40" fmla="*/ 18 w 62"/>
                <a:gd name="T41" fmla="*/ 17 h 97"/>
                <a:gd name="T42" fmla="*/ 12 w 62"/>
                <a:gd name="T43" fmla="*/ 49 h 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62" h="97">
                  <a:moveTo>
                    <a:pt x="0" y="49"/>
                  </a:moveTo>
                  <a:cubicBezTo>
                    <a:pt x="0" y="37"/>
                    <a:pt x="1" y="28"/>
                    <a:pt x="3" y="22"/>
                  </a:cubicBezTo>
                  <a:cubicBezTo>
                    <a:pt x="6" y="15"/>
                    <a:pt x="9" y="9"/>
                    <a:pt x="14" y="6"/>
                  </a:cubicBezTo>
                  <a:cubicBezTo>
                    <a:pt x="18" y="2"/>
                    <a:pt x="24" y="0"/>
                    <a:pt x="31" y="0"/>
                  </a:cubicBezTo>
                  <a:cubicBezTo>
                    <a:pt x="36" y="0"/>
                    <a:pt x="41" y="1"/>
                    <a:pt x="45" y="3"/>
                  </a:cubicBezTo>
                  <a:cubicBezTo>
                    <a:pt x="48" y="5"/>
                    <a:pt x="52" y="8"/>
                    <a:pt x="54" y="12"/>
                  </a:cubicBezTo>
                  <a:cubicBezTo>
                    <a:pt x="57" y="16"/>
                    <a:pt x="59" y="21"/>
                    <a:pt x="60" y="26"/>
                  </a:cubicBezTo>
                  <a:cubicBezTo>
                    <a:pt x="62" y="32"/>
                    <a:pt x="62" y="39"/>
                    <a:pt x="62" y="49"/>
                  </a:cubicBezTo>
                  <a:cubicBezTo>
                    <a:pt x="62" y="60"/>
                    <a:pt x="61" y="69"/>
                    <a:pt x="59" y="76"/>
                  </a:cubicBezTo>
                  <a:cubicBezTo>
                    <a:pt x="56" y="83"/>
                    <a:pt x="53" y="88"/>
                    <a:pt x="48" y="92"/>
                  </a:cubicBezTo>
                  <a:cubicBezTo>
                    <a:pt x="44" y="96"/>
                    <a:pt x="38" y="97"/>
                    <a:pt x="31" y="97"/>
                  </a:cubicBezTo>
                  <a:cubicBezTo>
                    <a:pt x="22" y="97"/>
                    <a:pt x="15" y="94"/>
                    <a:pt x="9" y="88"/>
                  </a:cubicBezTo>
                  <a:cubicBezTo>
                    <a:pt x="3" y="80"/>
                    <a:pt x="0" y="67"/>
                    <a:pt x="0" y="49"/>
                  </a:cubicBezTo>
                  <a:close/>
                  <a:moveTo>
                    <a:pt x="12" y="49"/>
                  </a:moveTo>
                  <a:cubicBezTo>
                    <a:pt x="12" y="64"/>
                    <a:pt x="14" y="75"/>
                    <a:pt x="18" y="80"/>
                  </a:cubicBezTo>
                  <a:cubicBezTo>
                    <a:pt x="21" y="85"/>
                    <a:pt x="26" y="88"/>
                    <a:pt x="31" y="88"/>
                  </a:cubicBezTo>
                  <a:cubicBezTo>
                    <a:pt x="37" y="88"/>
                    <a:pt x="41" y="85"/>
                    <a:pt x="45" y="80"/>
                  </a:cubicBezTo>
                  <a:cubicBezTo>
                    <a:pt x="48" y="75"/>
                    <a:pt x="50" y="64"/>
                    <a:pt x="50" y="49"/>
                  </a:cubicBezTo>
                  <a:cubicBezTo>
                    <a:pt x="50" y="33"/>
                    <a:pt x="48" y="23"/>
                    <a:pt x="45" y="17"/>
                  </a:cubicBezTo>
                  <a:cubicBezTo>
                    <a:pt x="41" y="12"/>
                    <a:pt x="36" y="10"/>
                    <a:pt x="31" y="10"/>
                  </a:cubicBezTo>
                  <a:cubicBezTo>
                    <a:pt x="26" y="10"/>
                    <a:pt x="21" y="12"/>
                    <a:pt x="18" y="17"/>
                  </a:cubicBezTo>
                  <a:cubicBezTo>
                    <a:pt x="14" y="22"/>
                    <a:pt x="12" y="33"/>
                    <a:pt x="12" y="49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27" name="Freeform 21">
              <a:extLst>
                <a:ext uri="{FF2B5EF4-FFF2-40B4-BE49-F238E27FC236}">
                  <a16:creationId xmlns:a16="http://schemas.microsoft.com/office/drawing/2014/main" id="{39463BA0-AA0F-6947-8E67-4DB84017D9F3}"/>
                </a:ext>
              </a:extLst>
            </p:cNvPr>
            <p:cNvSpPr>
              <a:spLocks/>
            </p:cNvSpPr>
            <p:nvPr/>
          </p:nvSpPr>
          <p:spPr bwMode="auto">
            <a:xfrm>
              <a:off x="3590" y="3810"/>
              <a:ext cx="9" cy="14"/>
            </a:xfrm>
            <a:custGeom>
              <a:avLst/>
              <a:gdLst>
                <a:gd name="T0" fmla="*/ 48 w 48"/>
                <a:gd name="T1" fmla="*/ 63 h 72"/>
                <a:gd name="T2" fmla="*/ 48 w 48"/>
                <a:gd name="T3" fmla="*/ 72 h 72"/>
                <a:gd name="T4" fmla="*/ 1 w 48"/>
                <a:gd name="T5" fmla="*/ 72 h 72"/>
                <a:gd name="T6" fmla="*/ 2 w 48"/>
                <a:gd name="T7" fmla="*/ 66 h 72"/>
                <a:gd name="T8" fmla="*/ 7 w 48"/>
                <a:gd name="T9" fmla="*/ 56 h 72"/>
                <a:gd name="T10" fmla="*/ 19 w 48"/>
                <a:gd name="T11" fmla="*/ 45 h 72"/>
                <a:gd name="T12" fmla="*/ 35 w 48"/>
                <a:gd name="T13" fmla="*/ 30 h 72"/>
                <a:gd name="T14" fmla="*/ 39 w 48"/>
                <a:gd name="T15" fmla="*/ 19 h 72"/>
                <a:gd name="T16" fmla="*/ 35 w 48"/>
                <a:gd name="T17" fmla="*/ 11 h 72"/>
                <a:gd name="T18" fmla="*/ 25 w 48"/>
                <a:gd name="T19" fmla="*/ 7 h 72"/>
                <a:gd name="T20" fmla="*/ 15 w 48"/>
                <a:gd name="T21" fmla="*/ 11 h 72"/>
                <a:gd name="T22" fmla="*/ 11 w 48"/>
                <a:gd name="T23" fmla="*/ 21 h 72"/>
                <a:gd name="T24" fmla="*/ 2 w 48"/>
                <a:gd name="T25" fmla="*/ 20 h 72"/>
                <a:gd name="T26" fmla="*/ 9 w 48"/>
                <a:gd name="T27" fmla="*/ 5 h 72"/>
                <a:gd name="T28" fmla="*/ 25 w 48"/>
                <a:gd name="T29" fmla="*/ 0 h 72"/>
                <a:gd name="T30" fmla="*/ 42 w 48"/>
                <a:gd name="T31" fmla="*/ 6 h 72"/>
                <a:gd name="T32" fmla="*/ 48 w 48"/>
                <a:gd name="T33" fmla="*/ 20 h 72"/>
                <a:gd name="T34" fmla="*/ 46 w 48"/>
                <a:gd name="T35" fmla="*/ 28 h 72"/>
                <a:gd name="T36" fmla="*/ 40 w 48"/>
                <a:gd name="T37" fmla="*/ 37 h 72"/>
                <a:gd name="T38" fmla="*/ 27 w 48"/>
                <a:gd name="T39" fmla="*/ 49 h 72"/>
                <a:gd name="T40" fmla="*/ 16 w 48"/>
                <a:gd name="T41" fmla="*/ 58 h 72"/>
                <a:gd name="T42" fmla="*/ 13 w 48"/>
                <a:gd name="T43" fmla="*/ 63 h 72"/>
                <a:gd name="T44" fmla="*/ 48 w 48"/>
                <a:gd name="T45" fmla="*/ 63 h 7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48" h="72">
                  <a:moveTo>
                    <a:pt x="48" y="63"/>
                  </a:moveTo>
                  <a:lnTo>
                    <a:pt x="48" y="72"/>
                  </a:lnTo>
                  <a:lnTo>
                    <a:pt x="1" y="72"/>
                  </a:lnTo>
                  <a:cubicBezTo>
                    <a:pt x="0" y="70"/>
                    <a:pt x="1" y="68"/>
                    <a:pt x="2" y="66"/>
                  </a:cubicBezTo>
                  <a:cubicBezTo>
                    <a:pt x="3" y="62"/>
                    <a:pt x="5" y="59"/>
                    <a:pt x="7" y="56"/>
                  </a:cubicBezTo>
                  <a:cubicBezTo>
                    <a:pt x="10" y="53"/>
                    <a:pt x="14" y="49"/>
                    <a:pt x="19" y="45"/>
                  </a:cubicBezTo>
                  <a:cubicBezTo>
                    <a:pt x="27" y="39"/>
                    <a:pt x="32" y="34"/>
                    <a:pt x="35" y="30"/>
                  </a:cubicBezTo>
                  <a:cubicBezTo>
                    <a:pt x="37" y="26"/>
                    <a:pt x="39" y="23"/>
                    <a:pt x="39" y="19"/>
                  </a:cubicBezTo>
                  <a:cubicBezTo>
                    <a:pt x="39" y="16"/>
                    <a:pt x="37" y="13"/>
                    <a:pt x="35" y="11"/>
                  </a:cubicBezTo>
                  <a:cubicBezTo>
                    <a:pt x="32" y="8"/>
                    <a:pt x="29" y="7"/>
                    <a:pt x="25" y="7"/>
                  </a:cubicBezTo>
                  <a:cubicBezTo>
                    <a:pt x="21" y="7"/>
                    <a:pt x="18" y="8"/>
                    <a:pt x="15" y="11"/>
                  </a:cubicBezTo>
                  <a:cubicBezTo>
                    <a:pt x="13" y="13"/>
                    <a:pt x="11" y="17"/>
                    <a:pt x="11" y="21"/>
                  </a:cubicBezTo>
                  <a:lnTo>
                    <a:pt x="2" y="20"/>
                  </a:lnTo>
                  <a:cubicBezTo>
                    <a:pt x="3" y="14"/>
                    <a:pt x="5" y="9"/>
                    <a:pt x="9" y="5"/>
                  </a:cubicBezTo>
                  <a:cubicBezTo>
                    <a:pt x="13" y="2"/>
                    <a:pt x="19" y="0"/>
                    <a:pt x="25" y="0"/>
                  </a:cubicBezTo>
                  <a:cubicBezTo>
                    <a:pt x="32" y="0"/>
                    <a:pt x="38" y="2"/>
                    <a:pt x="42" y="6"/>
                  </a:cubicBezTo>
                  <a:cubicBezTo>
                    <a:pt x="46" y="9"/>
                    <a:pt x="48" y="14"/>
                    <a:pt x="48" y="20"/>
                  </a:cubicBezTo>
                  <a:cubicBezTo>
                    <a:pt x="48" y="23"/>
                    <a:pt x="47" y="25"/>
                    <a:pt x="46" y="28"/>
                  </a:cubicBezTo>
                  <a:cubicBezTo>
                    <a:pt x="45" y="31"/>
                    <a:pt x="43" y="34"/>
                    <a:pt x="40" y="37"/>
                  </a:cubicBezTo>
                  <a:cubicBezTo>
                    <a:pt x="37" y="40"/>
                    <a:pt x="33" y="44"/>
                    <a:pt x="27" y="49"/>
                  </a:cubicBezTo>
                  <a:cubicBezTo>
                    <a:pt x="21" y="54"/>
                    <a:pt x="18" y="57"/>
                    <a:pt x="16" y="58"/>
                  </a:cubicBezTo>
                  <a:cubicBezTo>
                    <a:pt x="15" y="60"/>
                    <a:pt x="14" y="62"/>
                    <a:pt x="13" y="63"/>
                  </a:cubicBezTo>
                  <a:lnTo>
                    <a:pt x="48" y="63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28" name="Freeform 22">
              <a:extLst>
                <a:ext uri="{FF2B5EF4-FFF2-40B4-BE49-F238E27FC236}">
                  <a16:creationId xmlns:a16="http://schemas.microsoft.com/office/drawing/2014/main" id="{E1AE367F-29B9-F64E-A086-8A04E89D0895}"/>
                </a:ext>
              </a:extLst>
            </p:cNvPr>
            <p:cNvSpPr>
              <a:spLocks/>
            </p:cNvSpPr>
            <p:nvPr/>
          </p:nvSpPr>
          <p:spPr bwMode="auto">
            <a:xfrm>
              <a:off x="3941" y="3818"/>
              <a:ext cx="6" cy="19"/>
            </a:xfrm>
            <a:custGeom>
              <a:avLst/>
              <a:gdLst>
                <a:gd name="T0" fmla="*/ 35 w 35"/>
                <a:gd name="T1" fmla="*/ 96 h 96"/>
                <a:gd name="T2" fmla="*/ 23 w 35"/>
                <a:gd name="T3" fmla="*/ 96 h 96"/>
                <a:gd name="T4" fmla="*/ 23 w 35"/>
                <a:gd name="T5" fmla="*/ 21 h 96"/>
                <a:gd name="T6" fmla="*/ 12 w 35"/>
                <a:gd name="T7" fmla="*/ 29 h 96"/>
                <a:gd name="T8" fmla="*/ 0 w 35"/>
                <a:gd name="T9" fmla="*/ 35 h 96"/>
                <a:gd name="T10" fmla="*/ 0 w 35"/>
                <a:gd name="T11" fmla="*/ 24 h 96"/>
                <a:gd name="T12" fmla="*/ 17 w 35"/>
                <a:gd name="T13" fmla="*/ 13 h 96"/>
                <a:gd name="T14" fmla="*/ 27 w 35"/>
                <a:gd name="T15" fmla="*/ 0 h 96"/>
                <a:gd name="T16" fmla="*/ 35 w 35"/>
                <a:gd name="T17" fmla="*/ 0 h 96"/>
                <a:gd name="T18" fmla="*/ 35 w 35"/>
                <a:gd name="T19" fmla="*/ 96 h 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35" h="96">
                  <a:moveTo>
                    <a:pt x="35" y="96"/>
                  </a:moveTo>
                  <a:lnTo>
                    <a:pt x="23" y="96"/>
                  </a:lnTo>
                  <a:lnTo>
                    <a:pt x="23" y="21"/>
                  </a:lnTo>
                  <a:cubicBezTo>
                    <a:pt x="20" y="24"/>
                    <a:pt x="16" y="27"/>
                    <a:pt x="12" y="29"/>
                  </a:cubicBezTo>
                  <a:cubicBezTo>
                    <a:pt x="7" y="32"/>
                    <a:pt x="3" y="34"/>
                    <a:pt x="0" y="35"/>
                  </a:cubicBezTo>
                  <a:lnTo>
                    <a:pt x="0" y="24"/>
                  </a:lnTo>
                  <a:cubicBezTo>
                    <a:pt x="6" y="21"/>
                    <a:pt x="12" y="17"/>
                    <a:pt x="17" y="13"/>
                  </a:cubicBezTo>
                  <a:cubicBezTo>
                    <a:pt x="22" y="8"/>
                    <a:pt x="25" y="4"/>
                    <a:pt x="27" y="0"/>
                  </a:cubicBezTo>
                  <a:lnTo>
                    <a:pt x="35" y="0"/>
                  </a:lnTo>
                  <a:lnTo>
                    <a:pt x="35" y="96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29" name="Freeform 23">
              <a:extLst>
                <a:ext uri="{FF2B5EF4-FFF2-40B4-BE49-F238E27FC236}">
                  <a16:creationId xmlns:a16="http://schemas.microsoft.com/office/drawing/2014/main" id="{0D44E675-49A4-4148-90B9-F23980C7940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953" y="3818"/>
              <a:ext cx="12" cy="19"/>
            </a:xfrm>
            <a:custGeom>
              <a:avLst/>
              <a:gdLst>
                <a:gd name="T0" fmla="*/ 0 w 62"/>
                <a:gd name="T1" fmla="*/ 49 h 97"/>
                <a:gd name="T2" fmla="*/ 3 w 62"/>
                <a:gd name="T3" fmla="*/ 22 h 97"/>
                <a:gd name="T4" fmla="*/ 13 w 62"/>
                <a:gd name="T5" fmla="*/ 6 h 97"/>
                <a:gd name="T6" fmla="*/ 31 w 62"/>
                <a:gd name="T7" fmla="*/ 0 h 97"/>
                <a:gd name="T8" fmla="*/ 44 w 62"/>
                <a:gd name="T9" fmla="*/ 3 h 97"/>
                <a:gd name="T10" fmla="*/ 54 w 62"/>
                <a:gd name="T11" fmla="*/ 12 h 97"/>
                <a:gd name="T12" fmla="*/ 60 w 62"/>
                <a:gd name="T13" fmla="*/ 26 h 97"/>
                <a:gd name="T14" fmla="*/ 62 w 62"/>
                <a:gd name="T15" fmla="*/ 49 h 97"/>
                <a:gd name="T16" fmla="*/ 58 w 62"/>
                <a:gd name="T17" fmla="*/ 76 h 97"/>
                <a:gd name="T18" fmla="*/ 48 w 62"/>
                <a:gd name="T19" fmla="*/ 92 h 97"/>
                <a:gd name="T20" fmla="*/ 31 w 62"/>
                <a:gd name="T21" fmla="*/ 97 h 97"/>
                <a:gd name="T22" fmla="*/ 9 w 62"/>
                <a:gd name="T23" fmla="*/ 88 h 97"/>
                <a:gd name="T24" fmla="*/ 0 w 62"/>
                <a:gd name="T25" fmla="*/ 49 h 97"/>
                <a:gd name="T26" fmla="*/ 12 w 62"/>
                <a:gd name="T27" fmla="*/ 49 h 97"/>
                <a:gd name="T28" fmla="*/ 17 w 62"/>
                <a:gd name="T29" fmla="*/ 80 h 97"/>
                <a:gd name="T30" fmla="*/ 31 w 62"/>
                <a:gd name="T31" fmla="*/ 88 h 97"/>
                <a:gd name="T32" fmla="*/ 44 w 62"/>
                <a:gd name="T33" fmla="*/ 80 h 97"/>
                <a:gd name="T34" fmla="*/ 50 w 62"/>
                <a:gd name="T35" fmla="*/ 49 h 97"/>
                <a:gd name="T36" fmla="*/ 44 w 62"/>
                <a:gd name="T37" fmla="*/ 17 h 97"/>
                <a:gd name="T38" fmla="*/ 31 w 62"/>
                <a:gd name="T39" fmla="*/ 10 h 97"/>
                <a:gd name="T40" fmla="*/ 18 w 62"/>
                <a:gd name="T41" fmla="*/ 17 h 97"/>
                <a:gd name="T42" fmla="*/ 12 w 62"/>
                <a:gd name="T43" fmla="*/ 49 h 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62" h="97">
                  <a:moveTo>
                    <a:pt x="0" y="49"/>
                  </a:moveTo>
                  <a:cubicBezTo>
                    <a:pt x="0" y="37"/>
                    <a:pt x="1" y="28"/>
                    <a:pt x="3" y="22"/>
                  </a:cubicBezTo>
                  <a:cubicBezTo>
                    <a:pt x="5" y="15"/>
                    <a:pt x="9" y="9"/>
                    <a:pt x="13" y="6"/>
                  </a:cubicBezTo>
                  <a:cubicBezTo>
                    <a:pt x="18" y="2"/>
                    <a:pt x="24" y="0"/>
                    <a:pt x="31" y="0"/>
                  </a:cubicBezTo>
                  <a:cubicBezTo>
                    <a:pt x="36" y="0"/>
                    <a:pt x="40" y="1"/>
                    <a:pt x="44" y="3"/>
                  </a:cubicBezTo>
                  <a:cubicBezTo>
                    <a:pt x="48" y="5"/>
                    <a:pt x="51" y="8"/>
                    <a:pt x="54" y="12"/>
                  </a:cubicBezTo>
                  <a:cubicBezTo>
                    <a:pt x="56" y="16"/>
                    <a:pt x="58" y="21"/>
                    <a:pt x="60" y="26"/>
                  </a:cubicBezTo>
                  <a:cubicBezTo>
                    <a:pt x="61" y="32"/>
                    <a:pt x="62" y="39"/>
                    <a:pt x="62" y="49"/>
                  </a:cubicBezTo>
                  <a:cubicBezTo>
                    <a:pt x="62" y="60"/>
                    <a:pt x="61" y="69"/>
                    <a:pt x="58" y="76"/>
                  </a:cubicBezTo>
                  <a:cubicBezTo>
                    <a:pt x="56" y="83"/>
                    <a:pt x="53" y="88"/>
                    <a:pt x="48" y="92"/>
                  </a:cubicBezTo>
                  <a:cubicBezTo>
                    <a:pt x="44" y="96"/>
                    <a:pt x="38" y="97"/>
                    <a:pt x="31" y="97"/>
                  </a:cubicBezTo>
                  <a:cubicBezTo>
                    <a:pt x="22" y="97"/>
                    <a:pt x="14" y="94"/>
                    <a:pt x="9" y="88"/>
                  </a:cubicBezTo>
                  <a:cubicBezTo>
                    <a:pt x="3" y="80"/>
                    <a:pt x="0" y="67"/>
                    <a:pt x="0" y="49"/>
                  </a:cubicBezTo>
                  <a:close/>
                  <a:moveTo>
                    <a:pt x="12" y="49"/>
                  </a:moveTo>
                  <a:cubicBezTo>
                    <a:pt x="12" y="64"/>
                    <a:pt x="14" y="75"/>
                    <a:pt x="17" y="80"/>
                  </a:cubicBezTo>
                  <a:cubicBezTo>
                    <a:pt x="21" y="85"/>
                    <a:pt x="25" y="88"/>
                    <a:pt x="31" y="88"/>
                  </a:cubicBezTo>
                  <a:cubicBezTo>
                    <a:pt x="36" y="88"/>
                    <a:pt x="41" y="85"/>
                    <a:pt x="44" y="80"/>
                  </a:cubicBezTo>
                  <a:cubicBezTo>
                    <a:pt x="48" y="75"/>
                    <a:pt x="50" y="64"/>
                    <a:pt x="50" y="49"/>
                  </a:cubicBezTo>
                  <a:cubicBezTo>
                    <a:pt x="50" y="33"/>
                    <a:pt x="48" y="23"/>
                    <a:pt x="44" y="17"/>
                  </a:cubicBezTo>
                  <a:cubicBezTo>
                    <a:pt x="41" y="12"/>
                    <a:pt x="36" y="10"/>
                    <a:pt x="31" y="10"/>
                  </a:cubicBezTo>
                  <a:cubicBezTo>
                    <a:pt x="25" y="10"/>
                    <a:pt x="21" y="12"/>
                    <a:pt x="18" y="17"/>
                  </a:cubicBezTo>
                  <a:cubicBezTo>
                    <a:pt x="14" y="22"/>
                    <a:pt x="12" y="33"/>
                    <a:pt x="12" y="49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30" name="Freeform 24">
              <a:extLst>
                <a:ext uri="{FF2B5EF4-FFF2-40B4-BE49-F238E27FC236}">
                  <a16:creationId xmlns:a16="http://schemas.microsoft.com/office/drawing/2014/main" id="{A97B680F-2BBF-E040-99C7-DC3854D1A2DD}"/>
                </a:ext>
              </a:extLst>
            </p:cNvPr>
            <p:cNvSpPr>
              <a:spLocks/>
            </p:cNvSpPr>
            <p:nvPr/>
          </p:nvSpPr>
          <p:spPr bwMode="auto">
            <a:xfrm>
              <a:off x="3967" y="3810"/>
              <a:ext cx="9" cy="14"/>
            </a:xfrm>
            <a:custGeom>
              <a:avLst/>
              <a:gdLst>
                <a:gd name="T0" fmla="*/ 0 w 46"/>
                <a:gd name="T1" fmla="*/ 53 h 73"/>
                <a:gd name="T2" fmla="*/ 8 w 46"/>
                <a:gd name="T3" fmla="*/ 52 h 73"/>
                <a:gd name="T4" fmla="*/ 13 w 46"/>
                <a:gd name="T5" fmla="*/ 62 h 73"/>
                <a:gd name="T6" fmla="*/ 22 w 46"/>
                <a:gd name="T7" fmla="*/ 66 h 73"/>
                <a:gd name="T8" fmla="*/ 33 w 46"/>
                <a:gd name="T9" fmla="*/ 61 h 73"/>
                <a:gd name="T10" fmla="*/ 37 w 46"/>
                <a:gd name="T11" fmla="*/ 51 h 73"/>
                <a:gd name="T12" fmla="*/ 33 w 46"/>
                <a:gd name="T13" fmla="*/ 41 h 73"/>
                <a:gd name="T14" fmla="*/ 23 w 46"/>
                <a:gd name="T15" fmla="*/ 37 h 73"/>
                <a:gd name="T16" fmla="*/ 17 w 46"/>
                <a:gd name="T17" fmla="*/ 38 h 73"/>
                <a:gd name="T18" fmla="*/ 18 w 46"/>
                <a:gd name="T19" fmla="*/ 30 h 73"/>
                <a:gd name="T20" fmla="*/ 19 w 46"/>
                <a:gd name="T21" fmla="*/ 30 h 73"/>
                <a:gd name="T22" fmla="*/ 29 w 46"/>
                <a:gd name="T23" fmla="*/ 27 h 73"/>
                <a:gd name="T24" fmla="*/ 34 w 46"/>
                <a:gd name="T25" fmla="*/ 18 h 73"/>
                <a:gd name="T26" fmla="*/ 31 w 46"/>
                <a:gd name="T27" fmla="*/ 10 h 73"/>
                <a:gd name="T28" fmla="*/ 22 w 46"/>
                <a:gd name="T29" fmla="*/ 7 h 73"/>
                <a:gd name="T30" fmla="*/ 14 w 46"/>
                <a:gd name="T31" fmla="*/ 10 h 73"/>
                <a:gd name="T32" fmla="*/ 9 w 46"/>
                <a:gd name="T33" fmla="*/ 20 h 73"/>
                <a:gd name="T34" fmla="*/ 0 w 46"/>
                <a:gd name="T35" fmla="*/ 18 h 73"/>
                <a:gd name="T36" fmla="*/ 8 w 46"/>
                <a:gd name="T37" fmla="*/ 5 h 73"/>
                <a:gd name="T38" fmla="*/ 22 w 46"/>
                <a:gd name="T39" fmla="*/ 0 h 73"/>
                <a:gd name="T40" fmla="*/ 33 w 46"/>
                <a:gd name="T41" fmla="*/ 2 h 73"/>
                <a:gd name="T42" fmla="*/ 40 w 46"/>
                <a:gd name="T43" fmla="*/ 9 h 73"/>
                <a:gd name="T44" fmla="*/ 43 w 46"/>
                <a:gd name="T45" fmla="*/ 18 h 73"/>
                <a:gd name="T46" fmla="*/ 40 w 46"/>
                <a:gd name="T47" fmla="*/ 27 h 73"/>
                <a:gd name="T48" fmla="*/ 33 w 46"/>
                <a:gd name="T49" fmla="*/ 33 h 73"/>
                <a:gd name="T50" fmla="*/ 43 w 46"/>
                <a:gd name="T51" fmla="*/ 39 h 73"/>
                <a:gd name="T52" fmla="*/ 46 w 46"/>
                <a:gd name="T53" fmla="*/ 51 h 73"/>
                <a:gd name="T54" fmla="*/ 40 w 46"/>
                <a:gd name="T55" fmla="*/ 66 h 73"/>
                <a:gd name="T56" fmla="*/ 22 w 46"/>
                <a:gd name="T57" fmla="*/ 73 h 73"/>
                <a:gd name="T58" fmla="*/ 7 w 46"/>
                <a:gd name="T59" fmla="*/ 67 h 73"/>
                <a:gd name="T60" fmla="*/ 0 w 46"/>
                <a:gd name="T61" fmla="*/ 53 h 7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</a:cxnLst>
              <a:rect l="0" t="0" r="r" b="b"/>
              <a:pathLst>
                <a:path w="46" h="73">
                  <a:moveTo>
                    <a:pt x="0" y="53"/>
                  </a:moveTo>
                  <a:lnTo>
                    <a:pt x="8" y="52"/>
                  </a:lnTo>
                  <a:cubicBezTo>
                    <a:pt x="9" y="57"/>
                    <a:pt x="11" y="60"/>
                    <a:pt x="13" y="62"/>
                  </a:cubicBezTo>
                  <a:cubicBezTo>
                    <a:pt x="16" y="65"/>
                    <a:pt x="19" y="66"/>
                    <a:pt x="22" y="66"/>
                  </a:cubicBezTo>
                  <a:cubicBezTo>
                    <a:pt x="26" y="66"/>
                    <a:pt x="30" y="64"/>
                    <a:pt x="33" y="61"/>
                  </a:cubicBezTo>
                  <a:cubicBezTo>
                    <a:pt x="36" y="58"/>
                    <a:pt x="37" y="55"/>
                    <a:pt x="37" y="51"/>
                  </a:cubicBezTo>
                  <a:cubicBezTo>
                    <a:pt x="37" y="47"/>
                    <a:pt x="36" y="43"/>
                    <a:pt x="33" y="41"/>
                  </a:cubicBezTo>
                  <a:cubicBezTo>
                    <a:pt x="30" y="38"/>
                    <a:pt x="27" y="37"/>
                    <a:pt x="23" y="37"/>
                  </a:cubicBezTo>
                  <a:cubicBezTo>
                    <a:pt x="21" y="37"/>
                    <a:pt x="19" y="37"/>
                    <a:pt x="17" y="38"/>
                  </a:cubicBezTo>
                  <a:lnTo>
                    <a:pt x="18" y="30"/>
                  </a:lnTo>
                  <a:cubicBezTo>
                    <a:pt x="18" y="30"/>
                    <a:pt x="19" y="30"/>
                    <a:pt x="19" y="30"/>
                  </a:cubicBezTo>
                  <a:cubicBezTo>
                    <a:pt x="23" y="30"/>
                    <a:pt x="26" y="29"/>
                    <a:pt x="29" y="27"/>
                  </a:cubicBezTo>
                  <a:cubicBezTo>
                    <a:pt x="32" y="25"/>
                    <a:pt x="34" y="22"/>
                    <a:pt x="34" y="18"/>
                  </a:cubicBezTo>
                  <a:cubicBezTo>
                    <a:pt x="34" y="15"/>
                    <a:pt x="33" y="12"/>
                    <a:pt x="31" y="10"/>
                  </a:cubicBezTo>
                  <a:cubicBezTo>
                    <a:pt x="28" y="8"/>
                    <a:pt x="26" y="7"/>
                    <a:pt x="22" y="7"/>
                  </a:cubicBezTo>
                  <a:cubicBezTo>
                    <a:pt x="19" y="7"/>
                    <a:pt x="16" y="8"/>
                    <a:pt x="14" y="10"/>
                  </a:cubicBezTo>
                  <a:cubicBezTo>
                    <a:pt x="11" y="12"/>
                    <a:pt x="10" y="16"/>
                    <a:pt x="9" y="20"/>
                  </a:cubicBezTo>
                  <a:lnTo>
                    <a:pt x="0" y="18"/>
                  </a:lnTo>
                  <a:cubicBezTo>
                    <a:pt x="1" y="12"/>
                    <a:pt x="4" y="8"/>
                    <a:pt x="8" y="5"/>
                  </a:cubicBezTo>
                  <a:cubicBezTo>
                    <a:pt x="12" y="1"/>
                    <a:pt x="16" y="0"/>
                    <a:pt x="22" y="0"/>
                  </a:cubicBezTo>
                  <a:cubicBezTo>
                    <a:pt x="26" y="0"/>
                    <a:pt x="29" y="1"/>
                    <a:pt x="33" y="2"/>
                  </a:cubicBezTo>
                  <a:cubicBezTo>
                    <a:pt x="36" y="4"/>
                    <a:pt x="39" y="6"/>
                    <a:pt x="40" y="9"/>
                  </a:cubicBezTo>
                  <a:cubicBezTo>
                    <a:pt x="42" y="12"/>
                    <a:pt x="43" y="15"/>
                    <a:pt x="43" y="18"/>
                  </a:cubicBezTo>
                  <a:cubicBezTo>
                    <a:pt x="43" y="21"/>
                    <a:pt x="42" y="24"/>
                    <a:pt x="40" y="27"/>
                  </a:cubicBezTo>
                  <a:cubicBezTo>
                    <a:pt x="39" y="29"/>
                    <a:pt x="36" y="31"/>
                    <a:pt x="33" y="33"/>
                  </a:cubicBezTo>
                  <a:cubicBezTo>
                    <a:pt x="37" y="34"/>
                    <a:pt x="41" y="36"/>
                    <a:pt x="43" y="39"/>
                  </a:cubicBezTo>
                  <a:cubicBezTo>
                    <a:pt x="45" y="42"/>
                    <a:pt x="46" y="46"/>
                    <a:pt x="46" y="51"/>
                  </a:cubicBezTo>
                  <a:cubicBezTo>
                    <a:pt x="46" y="57"/>
                    <a:pt x="44" y="62"/>
                    <a:pt x="40" y="66"/>
                  </a:cubicBezTo>
                  <a:cubicBezTo>
                    <a:pt x="35" y="71"/>
                    <a:pt x="29" y="73"/>
                    <a:pt x="22" y="73"/>
                  </a:cubicBezTo>
                  <a:cubicBezTo>
                    <a:pt x="16" y="73"/>
                    <a:pt x="11" y="71"/>
                    <a:pt x="7" y="67"/>
                  </a:cubicBezTo>
                  <a:cubicBezTo>
                    <a:pt x="2" y="64"/>
                    <a:pt x="0" y="59"/>
                    <a:pt x="0" y="53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31" name="Freeform 25">
              <a:extLst>
                <a:ext uri="{FF2B5EF4-FFF2-40B4-BE49-F238E27FC236}">
                  <a16:creationId xmlns:a16="http://schemas.microsoft.com/office/drawing/2014/main" id="{D0346F60-0CA1-4343-A5A3-66B0AEB48117}"/>
                </a:ext>
              </a:extLst>
            </p:cNvPr>
            <p:cNvSpPr>
              <a:spLocks/>
            </p:cNvSpPr>
            <p:nvPr/>
          </p:nvSpPr>
          <p:spPr bwMode="auto">
            <a:xfrm>
              <a:off x="4318" y="3818"/>
              <a:ext cx="7" cy="19"/>
            </a:xfrm>
            <a:custGeom>
              <a:avLst/>
              <a:gdLst>
                <a:gd name="T0" fmla="*/ 36 w 36"/>
                <a:gd name="T1" fmla="*/ 96 h 96"/>
                <a:gd name="T2" fmla="*/ 24 w 36"/>
                <a:gd name="T3" fmla="*/ 96 h 96"/>
                <a:gd name="T4" fmla="*/ 24 w 36"/>
                <a:gd name="T5" fmla="*/ 21 h 96"/>
                <a:gd name="T6" fmla="*/ 13 w 36"/>
                <a:gd name="T7" fmla="*/ 29 h 96"/>
                <a:gd name="T8" fmla="*/ 0 w 36"/>
                <a:gd name="T9" fmla="*/ 35 h 96"/>
                <a:gd name="T10" fmla="*/ 0 w 36"/>
                <a:gd name="T11" fmla="*/ 24 h 96"/>
                <a:gd name="T12" fmla="*/ 18 w 36"/>
                <a:gd name="T13" fmla="*/ 13 h 96"/>
                <a:gd name="T14" fmla="*/ 28 w 36"/>
                <a:gd name="T15" fmla="*/ 0 h 96"/>
                <a:gd name="T16" fmla="*/ 36 w 36"/>
                <a:gd name="T17" fmla="*/ 0 h 96"/>
                <a:gd name="T18" fmla="*/ 36 w 36"/>
                <a:gd name="T19" fmla="*/ 96 h 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36" h="96">
                  <a:moveTo>
                    <a:pt x="36" y="96"/>
                  </a:moveTo>
                  <a:lnTo>
                    <a:pt x="24" y="96"/>
                  </a:lnTo>
                  <a:lnTo>
                    <a:pt x="24" y="21"/>
                  </a:lnTo>
                  <a:cubicBezTo>
                    <a:pt x="21" y="24"/>
                    <a:pt x="17" y="27"/>
                    <a:pt x="13" y="29"/>
                  </a:cubicBezTo>
                  <a:cubicBezTo>
                    <a:pt x="8" y="32"/>
                    <a:pt x="4" y="34"/>
                    <a:pt x="0" y="35"/>
                  </a:cubicBezTo>
                  <a:lnTo>
                    <a:pt x="0" y="24"/>
                  </a:lnTo>
                  <a:cubicBezTo>
                    <a:pt x="7" y="21"/>
                    <a:pt x="13" y="17"/>
                    <a:pt x="18" y="13"/>
                  </a:cubicBezTo>
                  <a:cubicBezTo>
                    <a:pt x="22" y="8"/>
                    <a:pt x="26" y="4"/>
                    <a:pt x="28" y="0"/>
                  </a:cubicBezTo>
                  <a:lnTo>
                    <a:pt x="36" y="0"/>
                  </a:lnTo>
                  <a:lnTo>
                    <a:pt x="36" y="96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32" name="Freeform 26">
              <a:extLst>
                <a:ext uri="{FF2B5EF4-FFF2-40B4-BE49-F238E27FC236}">
                  <a16:creationId xmlns:a16="http://schemas.microsoft.com/office/drawing/2014/main" id="{018735CF-7DDD-494A-88D4-879F75C7BC3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330" y="3818"/>
              <a:ext cx="12" cy="19"/>
            </a:xfrm>
            <a:custGeom>
              <a:avLst/>
              <a:gdLst>
                <a:gd name="T0" fmla="*/ 0 w 62"/>
                <a:gd name="T1" fmla="*/ 49 h 97"/>
                <a:gd name="T2" fmla="*/ 3 w 62"/>
                <a:gd name="T3" fmla="*/ 22 h 97"/>
                <a:gd name="T4" fmla="*/ 13 w 62"/>
                <a:gd name="T5" fmla="*/ 6 h 97"/>
                <a:gd name="T6" fmla="*/ 31 w 62"/>
                <a:gd name="T7" fmla="*/ 0 h 97"/>
                <a:gd name="T8" fmla="*/ 44 w 62"/>
                <a:gd name="T9" fmla="*/ 3 h 97"/>
                <a:gd name="T10" fmla="*/ 54 w 62"/>
                <a:gd name="T11" fmla="*/ 12 h 97"/>
                <a:gd name="T12" fmla="*/ 60 w 62"/>
                <a:gd name="T13" fmla="*/ 26 h 97"/>
                <a:gd name="T14" fmla="*/ 62 w 62"/>
                <a:gd name="T15" fmla="*/ 49 h 97"/>
                <a:gd name="T16" fmla="*/ 58 w 62"/>
                <a:gd name="T17" fmla="*/ 76 h 97"/>
                <a:gd name="T18" fmla="*/ 48 w 62"/>
                <a:gd name="T19" fmla="*/ 92 h 97"/>
                <a:gd name="T20" fmla="*/ 31 w 62"/>
                <a:gd name="T21" fmla="*/ 97 h 97"/>
                <a:gd name="T22" fmla="*/ 9 w 62"/>
                <a:gd name="T23" fmla="*/ 88 h 97"/>
                <a:gd name="T24" fmla="*/ 0 w 62"/>
                <a:gd name="T25" fmla="*/ 49 h 97"/>
                <a:gd name="T26" fmla="*/ 12 w 62"/>
                <a:gd name="T27" fmla="*/ 49 h 97"/>
                <a:gd name="T28" fmla="*/ 17 w 62"/>
                <a:gd name="T29" fmla="*/ 80 h 97"/>
                <a:gd name="T30" fmla="*/ 31 w 62"/>
                <a:gd name="T31" fmla="*/ 88 h 97"/>
                <a:gd name="T32" fmla="*/ 44 w 62"/>
                <a:gd name="T33" fmla="*/ 80 h 97"/>
                <a:gd name="T34" fmla="*/ 50 w 62"/>
                <a:gd name="T35" fmla="*/ 49 h 97"/>
                <a:gd name="T36" fmla="*/ 44 w 62"/>
                <a:gd name="T37" fmla="*/ 17 h 97"/>
                <a:gd name="T38" fmla="*/ 30 w 62"/>
                <a:gd name="T39" fmla="*/ 10 h 97"/>
                <a:gd name="T40" fmla="*/ 18 w 62"/>
                <a:gd name="T41" fmla="*/ 17 h 97"/>
                <a:gd name="T42" fmla="*/ 12 w 62"/>
                <a:gd name="T43" fmla="*/ 49 h 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62" h="97">
                  <a:moveTo>
                    <a:pt x="0" y="49"/>
                  </a:moveTo>
                  <a:cubicBezTo>
                    <a:pt x="0" y="37"/>
                    <a:pt x="1" y="28"/>
                    <a:pt x="3" y="22"/>
                  </a:cubicBezTo>
                  <a:cubicBezTo>
                    <a:pt x="5" y="15"/>
                    <a:pt x="9" y="9"/>
                    <a:pt x="13" y="6"/>
                  </a:cubicBezTo>
                  <a:cubicBezTo>
                    <a:pt x="18" y="2"/>
                    <a:pt x="24" y="0"/>
                    <a:pt x="31" y="0"/>
                  </a:cubicBezTo>
                  <a:cubicBezTo>
                    <a:pt x="36" y="0"/>
                    <a:pt x="40" y="1"/>
                    <a:pt x="44" y="3"/>
                  </a:cubicBezTo>
                  <a:cubicBezTo>
                    <a:pt x="48" y="5"/>
                    <a:pt x="51" y="8"/>
                    <a:pt x="54" y="12"/>
                  </a:cubicBezTo>
                  <a:cubicBezTo>
                    <a:pt x="56" y="16"/>
                    <a:pt x="58" y="21"/>
                    <a:pt x="60" y="26"/>
                  </a:cubicBezTo>
                  <a:cubicBezTo>
                    <a:pt x="61" y="32"/>
                    <a:pt x="62" y="39"/>
                    <a:pt x="62" y="49"/>
                  </a:cubicBezTo>
                  <a:cubicBezTo>
                    <a:pt x="62" y="60"/>
                    <a:pt x="61" y="69"/>
                    <a:pt x="58" y="76"/>
                  </a:cubicBezTo>
                  <a:cubicBezTo>
                    <a:pt x="56" y="83"/>
                    <a:pt x="53" y="88"/>
                    <a:pt x="48" y="92"/>
                  </a:cubicBezTo>
                  <a:cubicBezTo>
                    <a:pt x="43" y="96"/>
                    <a:pt x="38" y="97"/>
                    <a:pt x="31" y="97"/>
                  </a:cubicBezTo>
                  <a:cubicBezTo>
                    <a:pt x="21" y="97"/>
                    <a:pt x="14" y="94"/>
                    <a:pt x="9" y="88"/>
                  </a:cubicBezTo>
                  <a:cubicBezTo>
                    <a:pt x="3" y="80"/>
                    <a:pt x="0" y="67"/>
                    <a:pt x="0" y="49"/>
                  </a:cubicBezTo>
                  <a:close/>
                  <a:moveTo>
                    <a:pt x="12" y="49"/>
                  </a:moveTo>
                  <a:cubicBezTo>
                    <a:pt x="12" y="64"/>
                    <a:pt x="13" y="75"/>
                    <a:pt x="17" y="80"/>
                  </a:cubicBezTo>
                  <a:cubicBezTo>
                    <a:pt x="21" y="85"/>
                    <a:pt x="25" y="88"/>
                    <a:pt x="31" y="88"/>
                  </a:cubicBezTo>
                  <a:cubicBezTo>
                    <a:pt x="36" y="88"/>
                    <a:pt x="41" y="85"/>
                    <a:pt x="44" y="80"/>
                  </a:cubicBezTo>
                  <a:cubicBezTo>
                    <a:pt x="48" y="75"/>
                    <a:pt x="50" y="64"/>
                    <a:pt x="50" y="49"/>
                  </a:cubicBezTo>
                  <a:cubicBezTo>
                    <a:pt x="50" y="33"/>
                    <a:pt x="48" y="23"/>
                    <a:pt x="44" y="17"/>
                  </a:cubicBezTo>
                  <a:cubicBezTo>
                    <a:pt x="41" y="12"/>
                    <a:pt x="36" y="10"/>
                    <a:pt x="30" y="10"/>
                  </a:cubicBezTo>
                  <a:cubicBezTo>
                    <a:pt x="25" y="10"/>
                    <a:pt x="21" y="12"/>
                    <a:pt x="18" y="17"/>
                  </a:cubicBezTo>
                  <a:cubicBezTo>
                    <a:pt x="14" y="22"/>
                    <a:pt x="12" y="33"/>
                    <a:pt x="12" y="49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33" name="Freeform 27">
              <a:extLst>
                <a:ext uri="{FF2B5EF4-FFF2-40B4-BE49-F238E27FC236}">
                  <a16:creationId xmlns:a16="http://schemas.microsoft.com/office/drawing/2014/main" id="{FE5A681A-94AE-C64F-82DE-2C55331DDF1D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344" y="3810"/>
              <a:ext cx="10" cy="14"/>
            </a:xfrm>
            <a:custGeom>
              <a:avLst/>
              <a:gdLst>
                <a:gd name="T0" fmla="*/ 31 w 50"/>
                <a:gd name="T1" fmla="*/ 72 h 72"/>
                <a:gd name="T2" fmla="*/ 31 w 50"/>
                <a:gd name="T3" fmla="*/ 55 h 72"/>
                <a:gd name="T4" fmla="*/ 0 w 50"/>
                <a:gd name="T5" fmla="*/ 55 h 72"/>
                <a:gd name="T6" fmla="*/ 0 w 50"/>
                <a:gd name="T7" fmla="*/ 46 h 72"/>
                <a:gd name="T8" fmla="*/ 33 w 50"/>
                <a:gd name="T9" fmla="*/ 0 h 72"/>
                <a:gd name="T10" fmla="*/ 40 w 50"/>
                <a:gd name="T11" fmla="*/ 0 h 72"/>
                <a:gd name="T12" fmla="*/ 40 w 50"/>
                <a:gd name="T13" fmla="*/ 46 h 72"/>
                <a:gd name="T14" fmla="*/ 50 w 50"/>
                <a:gd name="T15" fmla="*/ 46 h 72"/>
                <a:gd name="T16" fmla="*/ 50 w 50"/>
                <a:gd name="T17" fmla="*/ 55 h 72"/>
                <a:gd name="T18" fmla="*/ 40 w 50"/>
                <a:gd name="T19" fmla="*/ 55 h 72"/>
                <a:gd name="T20" fmla="*/ 40 w 50"/>
                <a:gd name="T21" fmla="*/ 72 h 72"/>
                <a:gd name="T22" fmla="*/ 31 w 50"/>
                <a:gd name="T23" fmla="*/ 72 h 72"/>
                <a:gd name="T24" fmla="*/ 31 w 50"/>
                <a:gd name="T25" fmla="*/ 46 h 72"/>
                <a:gd name="T26" fmla="*/ 31 w 50"/>
                <a:gd name="T27" fmla="*/ 14 h 72"/>
                <a:gd name="T28" fmla="*/ 9 w 50"/>
                <a:gd name="T29" fmla="*/ 46 h 72"/>
                <a:gd name="T30" fmla="*/ 31 w 50"/>
                <a:gd name="T31" fmla="*/ 46 h 7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</a:cxnLst>
              <a:rect l="0" t="0" r="r" b="b"/>
              <a:pathLst>
                <a:path w="50" h="72">
                  <a:moveTo>
                    <a:pt x="31" y="72"/>
                  </a:moveTo>
                  <a:lnTo>
                    <a:pt x="31" y="55"/>
                  </a:lnTo>
                  <a:lnTo>
                    <a:pt x="0" y="55"/>
                  </a:lnTo>
                  <a:lnTo>
                    <a:pt x="0" y="46"/>
                  </a:lnTo>
                  <a:lnTo>
                    <a:pt x="33" y="0"/>
                  </a:lnTo>
                  <a:lnTo>
                    <a:pt x="40" y="0"/>
                  </a:lnTo>
                  <a:lnTo>
                    <a:pt x="40" y="46"/>
                  </a:lnTo>
                  <a:lnTo>
                    <a:pt x="50" y="46"/>
                  </a:lnTo>
                  <a:lnTo>
                    <a:pt x="50" y="55"/>
                  </a:lnTo>
                  <a:lnTo>
                    <a:pt x="40" y="55"/>
                  </a:lnTo>
                  <a:lnTo>
                    <a:pt x="40" y="72"/>
                  </a:lnTo>
                  <a:lnTo>
                    <a:pt x="31" y="72"/>
                  </a:lnTo>
                  <a:close/>
                  <a:moveTo>
                    <a:pt x="31" y="46"/>
                  </a:moveTo>
                  <a:lnTo>
                    <a:pt x="31" y="14"/>
                  </a:lnTo>
                  <a:lnTo>
                    <a:pt x="9" y="46"/>
                  </a:lnTo>
                  <a:lnTo>
                    <a:pt x="31" y="46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34" name="Freeform 28">
              <a:extLst>
                <a:ext uri="{FF2B5EF4-FFF2-40B4-BE49-F238E27FC236}">
                  <a16:creationId xmlns:a16="http://schemas.microsoft.com/office/drawing/2014/main" id="{B46BFD68-FDF8-A544-9CF1-4964DBD011F8}"/>
                </a:ext>
              </a:extLst>
            </p:cNvPr>
            <p:cNvSpPr>
              <a:spLocks/>
            </p:cNvSpPr>
            <p:nvPr/>
          </p:nvSpPr>
          <p:spPr bwMode="auto">
            <a:xfrm>
              <a:off x="4695" y="3818"/>
              <a:ext cx="7" cy="19"/>
            </a:xfrm>
            <a:custGeom>
              <a:avLst/>
              <a:gdLst>
                <a:gd name="T0" fmla="*/ 35 w 35"/>
                <a:gd name="T1" fmla="*/ 96 h 96"/>
                <a:gd name="T2" fmla="*/ 23 w 35"/>
                <a:gd name="T3" fmla="*/ 96 h 96"/>
                <a:gd name="T4" fmla="*/ 23 w 35"/>
                <a:gd name="T5" fmla="*/ 21 h 96"/>
                <a:gd name="T6" fmla="*/ 12 w 35"/>
                <a:gd name="T7" fmla="*/ 29 h 96"/>
                <a:gd name="T8" fmla="*/ 0 w 35"/>
                <a:gd name="T9" fmla="*/ 35 h 96"/>
                <a:gd name="T10" fmla="*/ 0 w 35"/>
                <a:gd name="T11" fmla="*/ 24 h 96"/>
                <a:gd name="T12" fmla="*/ 17 w 35"/>
                <a:gd name="T13" fmla="*/ 13 h 96"/>
                <a:gd name="T14" fmla="*/ 28 w 35"/>
                <a:gd name="T15" fmla="*/ 0 h 96"/>
                <a:gd name="T16" fmla="*/ 35 w 35"/>
                <a:gd name="T17" fmla="*/ 0 h 96"/>
                <a:gd name="T18" fmla="*/ 35 w 35"/>
                <a:gd name="T19" fmla="*/ 96 h 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35" h="96">
                  <a:moveTo>
                    <a:pt x="35" y="96"/>
                  </a:moveTo>
                  <a:lnTo>
                    <a:pt x="23" y="96"/>
                  </a:lnTo>
                  <a:lnTo>
                    <a:pt x="23" y="21"/>
                  </a:lnTo>
                  <a:cubicBezTo>
                    <a:pt x="21" y="24"/>
                    <a:pt x="17" y="27"/>
                    <a:pt x="12" y="29"/>
                  </a:cubicBezTo>
                  <a:cubicBezTo>
                    <a:pt x="8" y="32"/>
                    <a:pt x="4" y="34"/>
                    <a:pt x="0" y="35"/>
                  </a:cubicBezTo>
                  <a:lnTo>
                    <a:pt x="0" y="24"/>
                  </a:lnTo>
                  <a:cubicBezTo>
                    <a:pt x="7" y="21"/>
                    <a:pt x="12" y="17"/>
                    <a:pt x="17" y="13"/>
                  </a:cubicBezTo>
                  <a:cubicBezTo>
                    <a:pt x="22" y="8"/>
                    <a:pt x="26" y="4"/>
                    <a:pt x="28" y="0"/>
                  </a:cubicBezTo>
                  <a:lnTo>
                    <a:pt x="35" y="0"/>
                  </a:lnTo>
                  <a:lnTo>
                    <a:pt x="35" y="96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35" name="Freeform 29">
              <a:extLst>
                <a:ext uri="{FF2B5EF4-FFF2-40B4-BE49-F238E27FC236}">
                  <a16:creationId xmlns:a16="http://schemas.microsoft.com/office/drawing/2014/main" id="{E0A5C418-53BB-A243-87F0-EBB9DB60C9F6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707" y="3818"/>
              <a:ext cx="12" cy="19"/>
            </a:xfrm>
            <a:custGeom>
              <a:avLst/>
              <a:gdLst>
                <a:gd name="T0" fmla="*/ 0 w 62"/>
                <a:gd name="T1" fmla="*/ 49 h 97"/>
                <a:gd name="T2" fmla="*/ 4 w 62"/>
                <a:gd name="T3" fmla="*/ 22 h 97"/>
                <a:gd name="T4" fmla="*/ 14 w 62"/>
                <a:gd name="T5" fmla="*/ 6 h 97"/>
                <a:gd name="T6" fmla="*/ 31 w 62"/>
                <a:gd name="T7" fmla="*/ 0 h 97"/>
                <a:gd name="T8" fmla="*/ 45 w 62"/>
                <a:gd name="T9" fmla="*/ 3 h 97"/>
                <a:gd name="T10" fmla="*/ 54 w 62"/>
                <a:gd name="T11" fmla="*/ 12 h 97"/>
                <a:gd name="T12" fmla="*/ 60 w 62"/>
                <a:gd name="T13" fmla="*/ 26 h 97"/>
                <a:gd name="T14" fmla="*/ 62 w 62"/>
                <a:gd name="T15" fmla="*/ 49 h 97"/>
                <a:gd name="T16" fmla="*/ 59 w 62"/>
                <a:gd name="T17" fmla="*/ 76 h 97"/>
                <a:gd name="T18" fmla="*/ 49 w 62"/>
                <a:gd name="T19" fmla="*/ 92 h 97"/>
                <a:gd name="T20" fmla="*/ 31 w 62"/>
                <a:gd name="T21" fmla="*/ 97 h 97"/>
                <a:gd name="T22" fmla="*/ 10 w 62"/>
                <a:gd name="T23" fmla="*/ 88 h 97"/>
                <a:gd name="T24" fmla="*/ 0 w 62"/>
                <a:gd name="T25" fmla="*/ 49 h 97"/>
                <a:gd name="T26" fmla="*/ 12 w 62"/>
                <a:gd name="T27" fmla="*/ 49 h 97"/>
                <a:gd name="T28" fmla="*/ 18 w 62"/>
                <a:gd name="T29" fmla="*/ 80 h 97"/>
                <a:gd name="T30" fmla="*/ 31 w 62"/>
                <a:gd name="T31" fmla="*/ 88 h 97"/>
                <a:gd name="T32" fmla="*/ 45 w 62"/>
                <a:gd name="T33" fmla="*/ 80 h 97"/>
                <a:gd name="T34" fmla="*/ 50 w 62"/>
                <a:gd name="T35" fmla="*/ 49 h 97"/>
                <a:gd name="T36" fmla="*/ 45 w 62"/>
                <a:gd name="T37" fmla="*/ 17 h 97"/>
                <a:gd name="T38" fmla="*/ 31 w 62"/>
                <a:gd name="T39" fmla="*/ 10 h 97"/>
                <a:gd name="T40" fmla="*/ 18 w 62"/>
                <a:gd name="T41" fmla="*/ 17 h 97"/>
                <a:gd name="T42" fmla="*/ 12 w 62"/>
                <a:gd name="T43" fmla="*/ 49 h 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62" h="97">
                  <a:moveTo>
                    <a:pt x="0" y="49"/>
                  </a:moveTo>
                  <a:cubicBezTo>
                    <a:pt x="0" y="37"/>
                    <a:pt x="1" y="28"/>
                    <a:pt x="4" y="22"/>
                  </a:cubicBezTo>
                  <a:cubicBezTo>
                    <a:pt x="6" y="15"/>
                    <a:pt x="9" y="9"/>
                    <a:pt x="14" y="6"/>
                  </a:cubicBezTo>
                  <a:cubicBezTo>
                    <a:pt x="19" y="2"/>
                    <a:pt x="24" y="0"/>
                    <a:pt x="31" y="0"/>
                  </a:cubicBezTo>
                  <a:cubicBezTo>
                    <a:pt x="36" y="0"/>
                    <a:pt x="41" y="1"/>
                    <a:pt x="45" y="3"/>
                  </a:cubicBezTo>
                  <a:cubicBezTo>
                    <a:pt x="49" y="5"/>
                    <a:pt x="52" y="8"/>
                    <a:pt x="54" y="12"/>
                  </a:cubicBezTo>
                  <a:cubicBezTo>
                    <a:pt x="57" y="16"/>
                    <a:pt x="59" y="21"/>
                    <a:pt x="60" y="26"/>
                  </a:cubicBezTo>
                  <a:cubicBezTo>
                    <a:pt x="62" y="32"/>
                    <a:pt x="62" y="39"/>
                    <a:pt x="62" y="49"/>
                  </a:cubicBezTo>
                  <a:cubicBezTo>
                    <a:pt x="62" y="60"/>
                    <a:pt x="61" y="69"/>
                    <a:pt x="59" y="76"/>
                  </a:cubicBezTo>
                  <a:cubicBezTo>
                    <a:pt x="57" y="83"/>
                    <a:pt x="53" y="88"/>
                    <a:pt x="49" y="92"/>
                  </a:cubicBezTo>
                  <a:cubicBezTo>
                    <a:pt x="44" y="96"/>
                    <a:pt x="38" y="97"/>
                    <a:pt x="31" y="97"/>
                  </a:cubicBezTo>
                  <a:cubicBezTo>
                    <a:pt x="22" y="97"/>
                    <a:pt x="15" y="94"/>
                    <a:pt x="10" y="88"/>
                  </a:cubicBezTo>
                  <a:cubicBezTo>
                    <a:pt x="3" y="80"/>
                    <a:pt x="0" y="67"/>
                    <a:pt x="0" y="49"/>
                  </a:cubicBezTo>
                  <a:close/>
                  <a:moveTo>
                    <a:pt x="12" y="49"/>
                  </a:moveTo>
                  <a:cubicBezTo>
                    <a:pt x="12" y="64"/>
                    <a:pt x="14" y="75"/>
                    <a:pt x="18" y="80"/>
                  </a:cubicBezTo>
                  <a:cubicBezTo>
                    <a:pt x="21" y="85"/>
                    <a:pt x="26" y="88"/>
                    <a:pt x="31" y="88"/>
                  </a:cubicBezTo>
                  <a:cubicBezTo>
                    <a:pt x="37" y="88"/>
                    <a:pt x="41" y="85"/>
                    <a:pt x="45" y="80"/>
                  </a:cubicBezTo>
                  <a:cubicBezTo>
                    <a:pt x="49" y="75"/>
                    <a:pt x="50" y="64"/>
                    <a:pt x="50" y="49"/>
                  </a:cubicBezTo>
                  <a:cubicBezTo>
                    <a:pt x="50" y="33"/>
                    <a:pt x="49" y="23"/>
                    <a:pt x="45" y="17"/>
                  </a:cubicBezTo>
                  <a:cubicBezTo>
                    <a:pt x="41" y="12"/>
                    <a:pt x="37" y="10"/>
                    <a:pt x="31" y="10"/>
                  </a:cubicBezTo>
                  <a:cubicBezTo>
                    <a:pt x="26" y="10"/>
                    <a:pt x="21" y="12"/>
                    <a:pt x="18" y="17"/>
                  </a:cubicBezTo>
                  <a:cubicBezTo>
                    <a:pt x="14" y="22"/>
                    <a:pt x="12" y="33"/>
                    <a:pt x="12" y="49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36" name="Freeform 30">
              <a:extLst>
                <a:ext uri="{FF2B5EF4-FFF2-40B4-BE49-F238E27FC236}">
                  <a16:creationId xmlns:a16="http://schemas.microsoft.com/office/drawing/2014/main" id="{DD0E7D07-DA42-DA4B-AEB0-BE99DD92B2D9}"/>
                </a:ext>
              </a:extLst>
            </p:cNvPr>
            <p:cNvSpPr>
              <a:spLocks/>
            </p:cNvSpPr>
            <p:nvPr/>
          </p:nvSpPr>
          <p:spPr bwMode="auto">
            <a:xfrm>
              <a:off x="4722" y="3810"/>
              <a:ext cx="9" cy="14"/>
            </a:xfrm>
            <a:custGeom>
              <a:avLst/>
              <a:gdLst>
                <a:gd name="T0" fmla="*/ 0 w 47"/>
                <a:gd name="T1" fmla="*/ 52 h 72"/>
                <a:gd name="T2" fmla="*/ 9 w 47"/>
                <a:gd name="T3" fmla="*/ 51 h 72"/>
                <a:gd name="T4" fmla="*/ 14 w 47"/>
                <a:gd name="T5" fmla="*/ 61 h 72"/>
                <a:gd name="T6" fmla="*/ 23 w 47"/>
                <a:gd name="T7" fmla="*/ 65 h 72"/>
                <a:gd name="T8" fmla="*/ 34 w 47"/>
                <a:gd name="T9" fmla="*/ 60 h 72"/>
                <a:gd name="T10" fmla="*/ 38 w 47"/>
                <a:gd name="T11" fmla="*/ 47 h 72"/>
                <a:gd name="T12" fmla="*/ 34 w 47"/>
                <a:gd name="T13" fmla="*/ 35 h 72"/>
                <a:gd name="T14" fmla="*/ 23 w 47"/>
                <a:gd name="T15" fmla="*/ 31 h 72"/>
                <a:gd name="T16" fmla="*/ 15 w 47"/>
                <a:gd name="T17" fmla="*/ 33 h 72"/>
                <a:gd name="T18" fmla="*/ 10 w 47"/>
                <a:gd name="T19" fmla="*/ 38 h 72"/>
                <a:gd name="T20" fmla="*/ 2 w 47"/>
                <a:gd name="T21" fmla="*/ 37 h 72"/>
                <a:gd name="T22" fmla="*/ 8 w 47"/>
                <a:gd name="T23" fmla="*/ 0 h 72"/>
                <a:gd name="T24" fmla="*/ 44 w 47"/>
                <a:gd name="T25" fmla="*/ 0 h 72"/>
                <a:gd name="T26" fmla="*/ 44 w 47"/>
                <a:gd name="T27" fmla="*/ 8 h 72"/>
                <a:gd name="T28" fmla="*/ 16 w 47"/>
                <a:gd name="T29" fmla="*/ 8 h 72"/>
                <a:gd name="T30" fmla="*/ 12 w 47"/>
                <a:gd name="T31" fmla="*/ 28 h 72"/>
                <a:gd name="T32" fmla="*/ 25 w 47"/>
                <a:gd name="T33" fmla="*/ 23 h 72"/>
                <a:gd name="T34" fmla="*/ 41 w 47"/>
                <a:gd name="T35" fmla="*/ 30 h 72"/>
                <a:gd name="T36" fmla="*/ 47 w 47"/>
                <a:gd name="T37" fmla="*/ 46 h 72"/>
                <a:gd name="T38" fmla="*/ 42 w 47"/>
                <a:gd name="T39" fmla="*/ 63 h 72"/>
                <a:gd name="T40" fmla="*/ 23 w 47"/>
                <a:gd name="T41" fmla="*/ 72 h 72"/>
                <a:gd name="T42" fmla="*/ 7 w 47"/>
                <a:gd name="T43" fmla="*/ 66 h 72"/>
                <a:gd name="T44" fmla="*/ 0 w 47"/>
                <a:gd name="T45" fmla="*/ 52 h 7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47" h="72">
                  <a:moveTo>
                    <a:pt x="0" y="52"/>
                  </a:moveTo>
                  <a:lnTo>
                    <a:pt x="9" y="51"/>
                  </a:lnTo>
                  <a:cubicBezTo>
                    <a:pt x="10" y="56"/>
                    <a:pt x="11" y="59"/>
                    <a:pt x="14" y="61"/>
                  </a:cubicBezTo>
                  <a:cubicBezTo>
                    <a:pt x="16" y="64"/>
                    <a:pt x="19" y="65"/>
                    <a:pt x="23" y="65"/>
                  </a:cubicBezTo>
                  <a:cubicBezTo>
                    <a:pt x="27" y="65"/>
                    <a:pt x="31" y="63"/>
                    <a:pt x="34" y="60"/>
                  </a:cubicBezTo>
                  <a:cubicBezTo>
                    <a:pt x="37" y="57"/>
                    <a:pt x="38" y="52"/>
                    <a:pt x="38" y="47"/>
                  </a:cubicBezTo>
                  <a:cubicBezTo>
                    <a:pt x="38" y="42"/>
                    <a:pt x="37" y="38"/>
                    <a:pt x="34" y="35"/>
                  </a:cubicBezTo>
                  <a:cubicBezTo>
                    <a:pt x="31" y="32"/>
                    <a:pt x="27" y="31"/>
                    <a:pt x="23" y="31"/>
                  </a:cubicBezTo>
                  <a:cubicBezTo>
                    <a:pt x="20" y="31"/>
                    <a:pt x="17" y="32"/>
                    <a:pt x="15" y="33"/>
                  </a:cubicBezTo>
                  <a:cubicBezTo>
                    <a:pt x="13" y="34"/>
                    <a:pt x="11" y="36"/>
                    <a:pt x="10" y="38"/>
                  </a:cubicBezTo>
                  <a:lnTo>
                    <a:pt x="2" y="37"/>
                  </a:lnTo>
                  <a:lnTo>
                    <a:pt x="8" y="0"/>
                  </a:lnTo>
                  <a:lnTo>
                    <a:pt x="44" y="0"/>
                  </a:lnTo>
                  <a:lnTo>
                    <a:pt x="44" y="8"/>
                  </a:lnTo>
                  <a:lnTo>
                    <a:pt x="16" y="8"/>
                  </a:lnTo>
                  <a:lnTo>
                    <a:pt x="12" y="28"/>
                  </a:lnTo>
                  <a:cubicBezTo>
                    <a:pt x="16" y="25"/>
                    <a:pt x="20" y="23"/>
                    <a:pt x="25" y="23"/>
                  </a:cubicBezTo>
                  <a:cubicBezTo>
                    <a:pt x="31" y="23"/>
                    <a:pt x="37" y="25"/>
                    <a:pt x="41" y="30"/>
                  </a:cubicBezTo>
                  <a:cubicBezTo>
                    <a:pt x="45" y="34"/>
                    <a:pt x="47" y="40"/>
                    <a:pt x="47" y="46"/>
                  </a:cubicBezTo>
                  <a:cubicBezTo>
                    <a:pt x="47" y="53"/>
                    <a:pt x="46" y="58"/>
                    <a:pt x="42" y="63"/>
                  </a:cubicBezTo>
                  <a:cubicBezTo>
                    <a:pt x="37" y="69"/>
                    <a:pt x="31" y="72"/>
                    <a:pt x="23" y="72"/>
                  </a:cubicBezTo>
                  <a:cubicBezTo>
                    <a:pt x="16" y="72"/>
                    <a:pt x="11" y="70"/>
                    <a:pt x="7" y="66"/>
                  </a:cubicBezTo>
                  <a:cubicBezTo>
                    <a:pt x="3" y="63"/>
                    <a:pt x="1" y="58"/>
                    <a:pt x="0" y="52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37" name="Line 31">
              <a:extLst>
                <a:ext uri="{FF2B5EF4-FFF2-40B4-BE49-F238E27FC236}">
                  <a16:creationId xmlns:a16="http://schemas.microsoft.com/office/drawing/2014/main" id="{75A3363F-6D6E-274F-845C-A987016D7888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006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38" name="Line 32">
              <a:extLst>
                <a:ext uri="{FF2B5EF4-FFF2-40B4-BE49-F238E27FC236}">
                  <a16:creationId xmlns:a16="http://schemas.microsoft.com/office/drawing/2014/main" id="{DCF3FAB4-3DD4-5D41-920D-6E0291B3637D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053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39" name="Line 33">
              <a:extLst>
                <a:ext uri="{FF2B5EF4-FFF2-40B4-BE49-F238E27FC236}">
                  <a16:creationId xmlns:a16="http://schemas.microsoft.com/office/drawing/2014/main" id="{9D60BFCD-5F30-954D-B466-C89B525E077C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090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40" name="Line 34">
              <a:extLst>
                <a:ext uri="{FF2B5EF4-FFF2-40B4-BE49-F238E27FC236}">
                  <a16:creationId xmlns:a16="http://schemas.microsoft.com/office/drawing/2014/main" id="{392E7235-527F-A24C-9D75-8B3D104CDFC6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119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41" name="Line 35">
              <a:extLst>
                <a:ext uri="{FF2B5EF4-FFF2-40B4-BE49-F238E27FC236}">
                  <a16:creationId xmlns:a16="http://schemas.microsoft.com/office/drawing/2014/main" id="{224E1D73-5C91-3D4D-B588-F44B4656AD35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145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42" name="Line 36">
              <a:extLst>
                <a:ext uri="{FF2B5EF4-FFF2-40B4-BE49-F238E27FC236}">
                  <a16:creationId xmlns:a16="http://schemas.microsoft.com/office/drawing/2014/main" id="{A93E5D01-50AB-D146-B1F5-6E53B14CE10E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167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43" name="Line 37">
              <a:extLst>
                <a:ext uri="{FF2B5EF4-FFF2-40B4-BE49-F238E27FC236}">
                  <a16:creationId xmlns:a16="http://schemas.microsoft.com/office/drawing/2014/main" id="{6D86065E-726B-2F49-B585-DCF65A8A1B7C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186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44" name="Line 38">
              <a:extLst>
                <a:ext uri="{FF2B5EF4-FFF2-40B4-BE49-F238E27FC236}">
                  <a16:creationId xmlns:a16="http://schemas.microsoft.com/office/drawing/2014/main" id="{031A71DF-055E-C04E-AE35-147ED6024D4B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317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45" name="Line 39">
              <a:extLst>
                <a:ext uri="{FF2B5EF4-FFF2-40B4-BE49-F238E27FC236}">
                  <a16:creationId xmlns:a16="http://schemas.microsoft.com/office/drawing/2014/main" id="{34AE7AEF-A2A2-614C-8A55-683B0E67A72F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383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46" name="Line 40">
              <a:extLst>
                <a:ext uri="{FF2B5EF4-FFF2-40B4-BE49-F238E27FC236}">
                  <a16:creationId xmlns:a16="http://schemas.microsoft.com/office/drawing/2014/main" id="{20125FE4-F63F-084B-B377-BBB8308487E5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430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47" name="Line 41">
              <a:extLst>
                <a:ext uri="{FF2B5EF4-FFF2-40B4-BE49-F238E27FC236}">
                  <a16:creationId xmlns:a16="http://schemas.microsoft.com/office/drawing/2014/main" id="{F20E30E0-1606-3147-BB10-5F9D795CD2A4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467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48" name="Line 42">
              <a:extLst>
                <a:ext uri="{FF2B5EF4-FFF2-40B4-BE49-F238E27FC236}">
                  <a16:creationId xmlns:a16="http://schemas.microsoft.com/office/drawing/2014/main" id="{AF3E976C-5D8E-1D4D-9CB6-89520CFBE205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497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49" name="Line 43">
              <a:extLst>
                <a:ext uri="{FF2B5EF4-FFF2-40B4-BE49-F238E27FC236}">
                  <a16:creationId xmlns:a16="http://schemas.microsoft.com/office/drawing/2014/main" id="{039B25F3-E425-3B4F-8D9D-D674B1DC37C6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522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50" name="Line 44">
              <a:extLst>
                <a:ext uri="{FF2B5EF4-FFF2-40B4-BE49-F238E27FC236}">
                  <a16:creationId xmlns:a16="http://schemas.microsoft.com/office/drawing/2014/main" id="{799C97D4-7820-DC4E-BA8B-5AF1CD246B28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544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51" name="Line 45">
              <a:extLst>
                <a:ext uri="{FF2B5EF4-FFF2-40B4-BE49-F238E27FC236}">
                  <a16:creationId xmlns:a16="http://schemas.microsoft.com/office/drawing/2014/main" id="{132CDA0F-61E1-5B47-B0BA-EB6053AA9B29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563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52" name="Line 46">
              <a:extLst>
                <a:ext uri="{FF2B5EF4-FFF2-40B4-BE49-F238E27FC236}">
                  <a16:creationId xmlns:a16="http://schemas.microsoft.com/office/drawing/2014/main" id="{4F565249-14A2-4549-8B15-727F70B23A0F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694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53" name="Line 47">
              <a:extLst>
                <a:ext uri="{FF2B5EF4-FFF2-40B4-BE49-F238E27FC236}">
                  <a16:creationId xmlns:a16="http://schemas.microsoft.com/office/drawing/2014/main" id="{CBE4ED36-70FA-A74C-A637-ACE3940C276B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760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54" name="Line 48">
              <a:extLst>
                <a:ext uri="{FF2B5EF4-FFF2-40B4-BE49-F238E27FC236}">
                  <a16:creationId xmlns:a16="http://schemas.microsoft.com/office/drawing/2014/main" id="{23953969-E47F-CC42-9E01-824A2C72AA72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807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55" name="Line 49">
              <a:extLst>
                <a:ext uri="{FF2B5EF4-FFF2-40B4-BE49-F238E27FC236}">
                  <a16:creationId xmlns:a16="http://schemas.microsoft.com/office/drawing/2014/main" id="{CAED3024-169E-4248-A5EE-D43EADEB433B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844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56" name="Line 50">
              <a:extLst>
                <a:ext uri="{FF2B5EF4-FFF2-40B4-BE49-F238E27FC236}">
                  <a16:creationId xmlns:a16="http://schemas.microsoft.com/office/drawing/2014/main" id="{5905034E-33AF-F049-AFB0-B3756A063CE6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874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57" name="Line 51">
              <a:extLst>
                <a:ext uri="{FF2B5EF4-FFF2-40B4-BE49-F238E27FC236}">
                  <a16:creationId xmlns:a16="http://schemas.microsoft.com/office/drawing/2014/main" id="{2FEF5F73-6B07-A844-81FC-0990820BFEA5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899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58" name="Line 52">
              <a:extLst>
                <a:ext uri="{FF2B5EF4-FFF2-40B4-BE49-F238E27FC236}">
                  <a16:creationId xmlns:a16="http://schemas.microsoft.com/office/drawing/2014/main" id="{C5EC9617-7BCA-D944-9C57-717726EC8FE1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921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59" name="Line 53">
              <a:extLst>
                <a:ext uri="{FF2B5EF4-FFF2-40B4-BE49-F238E27FC236}">
                  <a16:creationId xmlns:a16="http://schemas.microsoft.com/office/drawing/2014/main" id="{D216EA88-D173-3D44-BBEA-2B64855FE305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940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60" name="Line 54">
              <a:extLst>
                <a:ext uri="{FF2B5EF4-FFF2-40B4-BE49-F238E27FC236}">
                  <a16:creationId xmlns:a16="http://schemas.microsoft.com/office/drawing/2014/main" id="{27B0B8BF-C2E7-6047-9810-06C2B64F8795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4071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61" name="Line 55">
              <a:extLst>
                <a:ext uri="{FF2B5EF4-FFF2-40B4-BE49-F238E27FC236}">
                  <a16:creationId xmlns:a16="http://schemas.microsoft.com/office/drawing/2014/main" id="{FBF151BB-ECF0-3C4B-B5B6-97F470CFCB42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4137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62" name="Line 56">
              <a:extLst>
                <a:ext uri="{FF2B5EF4-FFF2-40B4-BE49-F238E27FC236}">
                  <a16:creationId xmlns:a16="http://schemas.microsoft.com/office/drawing/2014/main" id="{0B583ABC-4A63-8C43-A5B6-28C7D70F6D84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4185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63" name="Line 57">
              <a:extLst>
                <a:ext uri="{FF2B5EF4-FFF2-40B4-BE49-F238E27FC236}">
                  <a16:creationId xmlns:a16="http://schemas.microsoft.com/office/drawing/2014/main" id="{7C82693C-DC04-1141-973D-6F58F19DC89C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4221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64" name="Line 58">
              <a:extLst>
                <a:ext uri="{FF2B5EF4-FFF2-40B4-BE49-F238E27FC236}">
                  <a16:creationId xmlns:a16="http://schemas.microsoft.com/office/drawing/2014/main" id="{55BF3B48-3153-E043-A538-CA3C69129D35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4251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65" name="Line 59">
              <a:extLst>
                <a:ext uri="{FF2B5EF4-FFF2-40B4-BE49-F238E27FC236}">
                  <a16:creationId xmlns:a16="http://schemas.microsoft.com/office/drawing/2014/main" id="{515EDE92-2B7A-1E4F-B8FA-BF0CCF562EDF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4276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66" name="Line 60">
              <a:extLst>
                <a:ext uri="{FF2B5EF4-FFF2-40B4-BE49-F238E27FC236}">
                  <a16:creationId xmlns:a16="http://schemas.microsoft.com/office/drawing/2014/main" id="{8B57B3DC-E8B4-4B44-B313-C75FA30D14E9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4298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67" name="Line 61">
              <a:extLst>
                <a:ext uri="{FF2B5EF4-FFF2-40B4-BE49-F238E27FC236}">
                  <a16:creationId xmlns:a16="http://schemas.microsoft.com/office/drawing/2014/main" id="{F67E378E-2415-884D-8870-D16B51C7D416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4317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68" name="Line 62">
              <a:extLst>
                <a:ext uri="{FF2B5EF4-FFF2-40B4-BE49-F238E27FC236}">
                  <a16:creationId xmlns:a16="http://schemas.microsoft.com/office/drawing/2014/main" id="{27D5BB26-D93B-814F-B891-A32AA824F4F7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4448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69" name="Line 63">
              <a:extLst>
                <a:ext uri="{FF2B5EF4-FFF2-40B4-BE49-F238E27FC236}">
                  <a16:creationId xmlns:a16="http://schemas.microsoft.com/office/drawing/2014/main" id="{1C8164DC-3A02-8741-AB86-6946E4E8A43C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4515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70" name="Line 64">
              <a:extLst>
                <a:ext uri="{FF2B5EF4-FFF2-40B4-BE49-F238E27FC236}">
                  <a16:creationId xmlns:a16="http://schemas.microsoft.com/office/drawing/2014/main" id="{4DA445D6-558D-4C44-BDFB-4BB528839024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4562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71" name="Line 65">
              <a:extLst>
                <a:ext uri="{FF2B5EF4-FFF2-40B4-BE49-F238E27FC236}">
                  <a16:creationId xmlns:a16="http://schemas.microsoft.com/office/drawing/2014/main" id="{47B58F40-8C42-AB4A-9B17-0BCBF712F4AA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4598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72" name="Line 66">
              <a:extLst>
                <a:ext uri="{FF2B5EF4-FFF2-40B4-BE49-F238E27FC236}">
                  <a16:creationId xmlns:a16="http://schemas.microsoft.com/office/drawing/2014/main" id="{7CDB767F-4D62-5448-925B-05D7A3089EB4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4628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73" name="Line 67">
              <a:extLst>
                <a:ext uri="{FF2B5EF4-FFF2-40B4-BE49-F238E27FC236}">
                  <a16:creationId xmlns:a16="http://schemas.microsoft.com/office/drawing/2014/main" id="{163FDC60-D9A0-4348-BDF0-A04B18F78327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4653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74" name="Line 68">
              <a:extLst>
                <a:ext uri="{FF2B5EF4-FFF2-40B4-BE49-F238E27FC236}">
                  <a16:creationId xmlns:a16="http://schemas.microsoft.com/office/drawing/2014/main" id="{1EF8FBFD-89FD-BA40-9F18-6B42D1C07B6B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4675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75" name="Line 69">
              <a:extLst>
                <a:ext uri="{FF2B5EF4-FFF2-40B4-BE49-F238E27FC236}">
                  <a16:creationId xmlns:a16="http://schemas.microsoft.com/office/drawing/2014/main" id="{E416ACA6-5E70-C540-A79E-A62F77B63DDC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4695" y="3795"/>
              <a:ext cx="0" cy="5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76" name="Line 70">
              <a:extLst>
                <a:ext uri="{FF2B5EF4-FFF2-40B4-BE49-F238E27FC236}">
                  <a16:creationId xmlns:a16="http://schemas.microsoft.com/office/drawing/2014/main" id="{8B35D6D9-1665-D84E-9D30-73DFAFFAF6F4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3703"/>
              <a:ext cx="8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77" name="Line 71">
              <a:extLst>
                <a:ext uri="{FF2B5EF4-FFF2-40B4-BE49-F238E27FC236}">
                  <a16:creationId xmlns:a16="http://schemas.microsoft.com/office/drawing/2014/main" id="{2A98D19E-4E36-E440-8B7A-24764EBB0B48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3096"/>
              <a:ext cx="8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78" name="Line 72">
              <a:extLst>
                <a:ext uri="{FF2B5EF4-FFF2-40B4-BE49-F238E27FC236}">
                  <a16:creationId xmlns:a16="http://schemas.microsoft.com/office/drawing/2014/main" id="{723008A3-1AD4-3A4A-9C49-980D14947682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2488"/>
              <a:ext cx="8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79" name="Line 73">
              <a:extLst>
                <a:ext uri="{FF2B5EF4-FFF2-40B4-BE49-F238E27FC236}">
                  <a16:creationId xmlns:a16="http://schemas.microsoft.com/office/drawing/2014/main" id="{2BB7E067-52E7-3541-B391-88975CA7743F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1881"/>
              <a:ext cx="8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80" name="Line 74">
              <a:extLst>
                <a:ext uri="{FF2B5EF4-FFF2-40B4-BE49-F238E27FC236}">
                  <a16:creationId xmlns:a16="http://schemas.microsoft.com/office/drawing/2014/main" id="{E41E28D8-1166-B246-864C-6275D259C945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1274"/>
              <a:ext cx="8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81" name="Line 75">
              <a:extLst>
                <a:ext uri="{FF2B5EF4-FFF2-40B4-BE49-F238E27FC236}">
                  <a16:creationId xmlns:a16="http://schemas.microsoft.com/office/drawing/2014/main" id="{44D51FE4-6E9E-5848-A302-9B06DC9D3094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3703"/>
              <a:ext cx="0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82" name="Line 76">
              <a:extLst>
                <a:ext uri="{FF2B5EF4-FFF2-40B4-BE49-F238E27FC236}">
                  <a16:creationId xmlns:a16="http://schemas.microsoft.com/office/drawing/2014/main" id="{C5A0BF59-F36F-0843-9BC2-3C9FEB78F025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3096"/>
              <a:ext cx="0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83" name="Line 77">
              <a:extLst>
                <a:ext uri="{FF2B5EF4-FFF2-40B4-BE49-F238E27FC236}">
                  <a16:creationId xmlns:a16="http://schemas.microsoft.com/office/drawing/2014/main" id="{9B6B3A2E-3FAC-944B-85C8-B664A3D68070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2488"/>
              <a:ext cx="0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84" name="Line 78">
              <a:extLst>
                <a:ext uri="{FF2B5EF4-FFF2-40B4-BE49-F238E27FC236}">
                  <a16:creationId xmlns:a16="http://schemas.microsoft.com/office/drawing/2014/main" id="{57E0A553-B5B1-0E4A-9BEB-D70FB96570BE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1881"/>
              <a:ext cx="0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85" name="Line 79">
              <a:extLst>
                <a:ext uri="{FF2B5EF4-FFF2-40B4-BE49-F238E27FC236}">
                  <a16:creationId xmlns:a16="http://schemas.microsoft.com/office/drawing/2014/main" id="{F548BAA6-81A8-E44D-8951-0560374EED98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1274"/>
              <a:ext cx="0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86" name="Freeform 80">
              <a:extLst>
                <a:ext uri="{FF2B5EF4-FFF2-40B4-BE49-F238E27FC236}">
                  <a16:creationId xmlns:a16="http://schemas.microsoft.com/office/drawing/2014/main" id="{609B1A95-0C86-7644-A927-DF6B20287DCC}"/>
                </a:ext>
              </a:extLst>
            </p:cNvPr>
            <p:cNvSpPr>
              <a:spLocks/>
            </p:cNvSpPr>
            <p:nvPr/>
          </p:nvSpPr>
          <p:spPr bwMode="auto">
            <a:xfrm>
              <a:off x="2929" y="3697"/>
              <a:ext cx="7" cy="19"/>
            </a:xfrm>
            <a:custGeom>
              <a:avLst/>
              <a:gdLst>
                <a:gd name="T0" fmla="*/ 35 w 35"/>
                <a:gd name="T1" fmla="*/ 96 h 96"/>
                <a:gd name="T2" fmla="*/ 23 w 35"/>
                <a:gd name="T3" fmla="*/ 96 h 96"/>
                <a:gd name="T4" fmla="*/ 23 w 35"/>
                <a:gd name="T5" fmla="*/ 21 h 96"/>
                <a:gd name="T6" fmla="*/ 12 w 35"/>
                <a:gd name="T7" fmla="*/ 29 h 96"/>
                <a:gd name="T8" fmla="*/ 0 w 35"/>
                <a:gd name="T9" fmla="*/ 35 h 96"/>
                <a:gd name="T10" fmla="*/ 0 w 35"/>
                <a:gd name="T11" fmla="*/ 24 h 96"/>
                <a:gd name="T12" fmla="*/ 17 w 35"/>
                <a:gd name="T13" fmla="*/ 13 h 96"/>
                <a:gd name="T14" fmla="*/ 27 w 35"/>
                <a:gd name="T15" fmla="*/ 0 h 96"/>
                <a:gd name="T16" fmla="*/ 35 w 35"/>
                <a:gd name="T17" fmla="*/ 0 h 96"/>
                <a:gd name="T18" fmla="*/ 35 w 35"/>
                <a:gd name="T19" fmla="*/ 96 h 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35" h="96">
                  <a:moveTo>
                    <a:pt x="35" y="96"/>
                  </a:moveTo>
                  <a:lnTo>
                    <a:pt x="23" y="96"/>
                  </a:lnTo>
                  <a:lnTo>
                    <a:pt x="23" y="21"/>
                  </a:lnTo>
                  <a:cubicBezTo>
                    <a:pt x="20" y="24"/>
                    <a:pt x="16" y="27"/>
                    <a:pt x="12" y="29"/>
                  </a:cubicBezTo>
                  <a:cubicBezTo>
                    <a:pt x="7" y="32"/>
                    <a:pt x="3" y="34"/>
                    <a:pt x="0" y="35"/>
                  </a:cubicBezTo>
                  <a:lnTo>
                    <a:pt x="0" y="24"/>
                  </a:lnTo>
                  <a:cubicBezTo>
                    <a:pt x="6" y="21"/>
                    <a:pt x="12" y="17"/>
                    <a:pt x="17" y="13"/>
                  </a:cubicBezTo>
                  <a:cubicBezTo>
                    <a:pt x="22" y="9"/>
                    <a:pt x="25" y="4"/>
                    <a:pt x="27" y="0"/>
                  </a:cubicBezTo>
                  <a:lnTo>
                    <a:pt x="35" y="0"/>
                  </a:lnTo>
                  <a:lnTo>
                    <a:pt x="35" y="96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87" name="Freeform 81">
              <a:extLst>
                <a:ext uri="{FF2B5EF4-FFF2-40B4-BE49-F238E27FC236}">
                  <a16:creationId xmlns:a16="http://schemas.microsoft.com/office/drawing/2014/main" id="{4C3F54EE-42D1-EB47-BFA6-712C4036ABE6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942" y="3697"/>
              <a:ext cx="12" cy="19"/>
            </a:xfrm>
            <a:custGeom>
              <a:avLst/>
              <a:gdLst>
                <a:gd name="T0" fmla="*/ 0 w 62"/>
                <a:gd name="T1" fmla="*/ 49 h 98"/>
                <a:gd name="T2" fmla="*/ 3 w 62"/>
                <a:gd name="T3" fmla="*/ 22 h 98"/>
                <a:gd name="T4" fmla="*/ 13 w 62"/>
                <a:gd name="T5" fmla="*/ 6 h 98"/>
                <a:gd name="T6" fmla="*/ 31 w 62"/>
                <a:gd name="T7" fmla="*/ 0 h 98"/>
                <a:gd name="T8" fmla="*/ 44 w 62"/>
                <a:gd name="T9" fmla="*/ 3 h 98"/>
                <a:gd name="T10" fmla="*/ 54 w 62"/>
                <a:gd name="T11" fmla="*/ 12 h 98"/>
                <a:gd name="T12" fmla="*/ 60 w 62"/>
                <a:gd name="T13" fmla="*/ 26 h 98"/>
                <a:gd name="T14" fmla="*/ 62 w 62"/>
                <a:gd name="T15" fmla="*/ 49 h 98"/>
                <a:gd name="T16" fmla="*/ 58 w 62"/>
                <a:gd name="T17" fmla="*/ 76 h 98"/>
                <a:gd name="T18" fmla="*/ 48 w 62"/>
                <a:gd name="T19" fmla="*/ 92 h 98"/>
                <a:gd name="T20" fmla="*/ 31 w 62"/>
                <a:gd name="T21" fmla="*/ 98 h 98"/>
                <a:gd name="T22" fmla="*/ 9 w 62"/>
                <a:gd name="T23" fmla="*/ 88 h 98"/>
                <a:gd name="T24" fmla="*/ 0 w 62"/>
                <a:gd name="T25" fmla="*/ 49 h 98"/>
                <a:gd name="T26" fmla="*/ 12 w 62"/>
                <a:gd name="T27" fmla="*/ 49 h 98"/>
                <a:gd name="T28" fmla="*/ 17 w 62"/>
                <a:gd name="T29" fmla="*/ 80 h 98"/>
                <a:gd name="T30" fmla="*/ 31 w 62"/>
                <a:gd name="T31" fmla="*/ 88 h 98"/>
                <a:gd name="T32" fmla="*/ 44 w 62"/>
                <a:gd name="T33" fmla="*/ 80 h 98"/>
                <a:gd name="T34" fmla="*/ 50 w 62"/>
                <a:gd name="T35" fmla="*/ 49 h 98"/>
                <a:gd name="T36" fmla="*/ 44 w 62"/>
                <a:gd name="T37" fmla="*/ 18 h 98"/>
                <a:gd name="T38" fmla="*/ 31 w 62"/>
                <a:gd name="T39" fmla="*/ 10 h 98"/>
                <a:gd name="T40" fmla="*/ 18 w 62"/>
                <a:gd name="T41" fmla="*/ 17 h 98"/>
                <a:gd name="T42" fmla="*/ 12 w 62"/>
                <a:gd name="T43" fmla="*/ 49 h 9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62" h="98">
                  <a:moveTo>
                    <a:pt x="0" y="49"/>
                  </a:moveTo>
                  <a:cubicBezTo>
                    <a:pt x="0" y="38"/>
                    <a:pt x="1" y="29"/>
                    <a:pt x="3" y="22"/>
                  </a:cubicBezTo>
                  <a:cubicBezTo>
                    <a:pt x="5" y="15"/>
                    <a:pt x="9" y="9"/>
                    <a:pt x="13" y="6"/>
                  </a:cubicBezTo>
                  <a:cubicBezTo>
                    <a:pt x="18" y="2"/>
                    <a:pt x="24" y="0"/>
                    <a:pt x="31" y="0"/>
                  </a:cubicBezTo>
                  <a:cubicBezTo>
                    <a:pt x="36" y="0"/>
                    <a:pt x="40" y="1"/>
                    <a:pt x="44" y="3"/>
                  </a:cubicBezTo>
                  <a:cubicBezTo>
                    <a:pt x="48" y="5"/>
                    <a:pt x="51" y="8"/>
                    <a:pt x="54" y="12"/>
                  </a:cubicBezTo>
                  <a:cubicBezTo>
                    <a:pt x="56" y="16"/>
                    <a:pt x="58" y="21"/>
                    <a:pt x="60" y="26"/>
                  </a:cubicBezTo>
                  <a:cubicBezTo>
                    <a:pt x="61" y="32"/>
                    <a:pt x="62" y="39"/>
                    <a:pt x="62" y="49"/>
                  </a:cubicBezTo>
                  <a:cubicBezTo>
                    <a:pt x="62" y="60"/>
                    <a:pt x="61" y="69"/>
                    <a:pt x="58" y="76"/>
                  </a:cubicBezTo>
                  <a:cubicBezTo>
                    <a:pt x="56" y="83"/>
                    <a:pt x="53" y="88"/>
                    <a:pt x="48" y="92"/>
                  </a:cubicBezTo>
                  <a:cubicBezTo>
                    <a:pt x="44" y="96"/>
                    <a:pt x="38" y="98"/>
                    <a:pt x="31" y="98"/>
                  </a:cubicBezTo>
                  <a:cubicBezTo>
                    <a:pt x="22" y="98"/>
                    <a:pt x="14" y="94"/>
                    <a:pt x="9" y="88"/>
                  </a:cubicBezTo>
                  <a:cubicBezTo>
                    <a:pt x="3" y="80"/>
                    <a:pt x="0" y="67"/>
                    <a:pt x="0" y="49"/>
                  </a:cubicBezTo>
                  <a:close/>
                  <a:moveTo>
                    <a:pt x="12" y="49"/>
                  </a:moveTo>
                  <a:cubicBezTo>
                    <a:pt x="12" y="65"/>
                    <a:pt x="14" y="75"/>
                    <a:pt x="17" y="80"/>
                  </a:cubicBezTo>
                  <a:cubicBezTo>
                    <a:pt x="21" y="85"/>
                    <a:pt x="25" y="88"/>
                    <a:pt x="31" y="88"/>
                  </a:cubicBezTo>
                  <a:cubicBezTo>
                    <a:pt x="36" y="88"/>
                    <a:pt x="41" y="85"/>
                    <a:pt x="44" y="80"/>
                  </a:cubicBezTo>
                  <a:cubicBezTo>
                    <a:pt x="48" y="75"/>
                    <a:pt x="50" y="65"/>
                    <a:pt x="50" y="49"/>
                  </a:cubicBezTo>
                  <a:cubicBezTo>
                    <a:pt x="50" y="33"/>
                    <a:pt x="48" y="23"/>
                    <a:pt x="44" y="18"/>
                  </a:cubicBezTo>
                  <a:cubicBezTo>
                    <a:pt x="41" y="12"/>
                    <a:pt x="36" y="10"/>
                    <a:pt x="31" y="10"/>
                  </a:cubicBezTo>
                  <a:cubicBezTo>
                    <a:pt x="25" y="10"/>
                    <a:pt x="21" y="12"/>
                    <a:pt x="18" y="17"/>
                  </a:cubicBezTo>
                  <a:cubicBezTo>
                    <a:pt x="14" y="23"/>
                    <a:pt x="12" y="33"/>
                    <a:pt x="12" y="49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88" name="Rectangle 82">
              <a:extLst>
                <a:ext uri="{FF2B5EF4-FFF2-40B4-BE49-F238E27FC236}">
                  <a16:creationId xmlns:a16="http://schemas.microsoft.com/office/drawing/2014/main" id="{B8718482-85EE-0B4B-9704-906E9B640FA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956" y="3695"/>
              <a:ext cx="9" cy="1"/>
            </a:xfrm>
            <a:prstGeom prst="rect">
              <a:avLst/>
            </a:pr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89" name="Freeform 83">
              <a:extLst>
                <a:ext uri="{FF2B5EF4-FFF2-40B4-BE49-F238E27FC236}">
                  <a16:creationId xmlns:a16="http://schemas.microsoft.com/office/drawing/2014/main" id="{3EF47971-EAF3-BB45-BCEB-DB3EA1B72988}"/>
                </a:ext>
              </a:extLst>
            </p:cNvPr>
            <p:cNvSpPr>
              <a:spLocks/>
            </p:cNvSpPr>
            <p:nvPr/>
          </p:nvSpPr>
          <p:spPr bwMode="auto">
            <a:xfrm>
              <a:off x="2967" y="3689"/>
              <a:ext cx="9" cy="14"/>
            </a:xfrm>
            <a:custGeom>
              <a:avLst/>
              <a:gdLst>
                <a:gd name="T0" fmla="*/ 47 w 47"/>
                <a:gd name="T1" fmla="*/ 63 h 72"/>
                <a:gd name="T2" fmla="*/ 47 w 47"/>
                <a:gd name="T3" fmla="*/ 72 h 72"/>
                <a:gd name="T4" fmla="*/ 0 w 47"/>
                <a:gd name="T5" fmla="*/ 72 h 72"/>
                <a:gd name="T6" fmla="*/ 1 w 47"/>
                <a:gd name="T7" fmla="*/ 66 h 72"/>
                <a:gd name="T8" fmla="*/ 6 w 47"/>
                <a:gd name="T9" fmla="*/ 56 h 72"/>
                <a:gd name="T10" fmla="*/ 18 w 47"/>
                <a:gd name="T11" fmla="*/ 45 h 72"/>
                <a:gd name="T12" fmla="*/ 34 w 47"/>
                <a:gd name="T13" fmla="*/ 30 h 72"/>
                <a:gd name="T14" fmla="*/ 38 w 47"/>
                <a:gd name="T15" fmla="*/ 19 h 72"/>
                <a:gd name="T16" fmla="*/ 34 w 47"/>
                <a:gd name="T17" fmla="*/ 11 h 72"/>
                <a:gd name="T18" fmla="*/ 24 w 47"/>
                <a:gd name="T19" fmla="*/ 7 h 72"/>
                <a:gd name="T20" fmla="*/ 14 w 47"/>
                <a:gd name="T21" fmla="*/ 11 h 72"/>
                <a:gd name="T22" fmla="*/ 10 w 47"/>
                <a:gd name="T23" fmla="*/ 21 h 72"/>
                <a:gd name="T24" fmla="*/ 1 w 47"/>
                <a:gd name="T25" fmla="*/ 20 h 72"/>
                <a:gd name="T26" fmla="*/ 8 w 47"/>
                <a:gd name="T27" fmla="*/ 5 h 72"/>
                <a:gd name="T28" fmla="*/ 24 w 47"/>
                <a:gd name="T29" fmla="*/ 0 h 72"/>
                <a:gd name="T30" fmla="*/ 41 w 47"/>
                <a:gd name="T31" fmla="*/ 6 h 72"/>
                <a:gd name="T32" fmla="*/ 47 w 47"/>
                <a:gd name="T33" fmla="*/ 20 h 72"/>
                <a:gd name="T34" fmla="*/ 45 w 47"/>
                <a:gd name="T35" fmla="*/ 28 h 72"/>
                <a:gd name="T36" fmla="*/ 39 w 47"/>
                <a:gd name="T37" fmla="*/ 37 h 72"/>
                <a:gd name="T38" fmla="*/ 26 w 47"/>
                <a:gd name="T39" fmla="*/ 49 h 72"/>
                <a:gd name="T40" fmla="*/ 16 w 47"/>
                <a:gd name="T41" fmla="*/ 58 h 72"/>
                <a:gd name="T42" fmla="*/ 12 w 47"/>
                <a:gd name="T43" fmla="*/ 63 h 72"/>
                <a:gd name="T44" fmla="*/ 47 w 47"/>
                <a:gd name="T45" fmla="*/ 63 h 7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47" h="72">
                  <a:moveTo>
                    <a:pt x="47" y="63"/>
                  </a:moveTo>
                  <a:lnTo>
                    <a:pt x="47" y="72"/>
                  </a:lnTo>
                  <a:lnTo>
                    <a:pt x="0" y="72"/>
                  </a:lnTo>
                  <a:cubicBezTo>
                    <a:pt x="0" y="70"/>
                    <a:pt x="0" y="68"/>
                    <a:pt x="1" y="66"/>
                  </a:cubicBezTo>
                  <a:cubicBezTo>
                    <a:pt x="2" y="62"/>
                    <a:pt x="4" y="59"/>
                    <a:pt x="6" y="56"/>
                  </a:cubicBezTo>
                  <a:cubicBezTo>
                    <a:pt x="9" y="53"/>
                    <a:pt x="13" y="49"/>
                    <a:pt x="18" y="45"/>
                  </a:cubicBezTo>
                  <a:cubicBezTo>
                    <a:pt x="26" y="39"/>
                    <a:pt x="31" y="34"/>
                    <a:pt x="34" y="30"/>
                  </a:cubicBezTo>
                  <a:cubicBezTo>
                    <a:pt x="36" y="26"/>
                    <a:pt x="38" y="23"/>
                    <a:pt x="38" y="19"/>
                  </a:cubicBezTo>
                  <a:cubicBezTo>
                    <a:pt x="38" y="16"/>
                    <a:pt x="37" y="13"/>
                    <a:pt x="34" y="11"/>
                  </a:cubicBezTo>
                  <a:cubicBezTo>
                    <a:pt x="32" y="8"/>
                    <a:pt x="28" y="7"/>
                    <a:pt x="24" y="7"/>
                  </a:cubicBezTo>
                  <a:cubicBezTo>
                    <a:pt x="20" y="7"/>
                    <a:pt x="17" y="8"/>
                    <a:pt x="14" y="11"/>
                  </a:cubicBezTo>
                  <a:cubicBezTo>
                    <a:pt x="12" y="13"/>
                    <a:pt x="10" y="17"/>
                    <a:pt x="10" y="21"/>
                  </a:cubicBezTo>
                  <a:lnTo>
                    <a:pt x="1" y="20"/>
                  </a:lnTo>
                  <a:cubicBezTo>
                    <a:pt x="2" y="14"/>
                    <a:pt x="4" y="9"/>
                    <a:pt x="8" y="5"/>
                  </a:cubicBezTo>
                  <a:cubicBezTo>
                    <a:pt x="12" y="2"/>
                    <a:pt x="18" y="0"/>
                    <a:pt x="24" y="0"/>
                  </a:cubicBezTo>
                  <a:cubicBezTo>
                    <a:pt x="31" y="0"/>
                    <a:pt x="37" y="2"/>
                    <a:pt x="41" y="6"/>
                  </a:cubicBezTo>
                  <a:cubicBezTo>
                    <a:pt x="45" y="9"/>
                    <a:pt x="47" y="14"/>
                    <a:pt x="47" y="20"/>
                  </a:cubicBezTo>
                  <a:cubicBezTo>
                    <a:pt x="47" y="23"/>
                    <a:pt x="46" y="25"/>
                    <a:pt x="45" y="28"/>
                  </a:cubicBezTo>
                  <a:cubicBezTo>
                    <a:pt x="44" y="31"/>
                    <a:pt x="42" y="34"/>
                    <a:pt x="39" y="37"/>
                  </a:cubicBezTo>
                  <a:cubicBezTo>
                    <a:pt x="36" y="40"/>
                    <a:pt x="32" y="44"/>
                    <a:pt x="26" y="49"/>
                  </a:cubicBezTo>
                  <a:cubicBezTo>
                    <a:pt x="20" y="54"/>
                    <a:pt x="17" y="57"/>
                    <a:pt x="16" y="58"/>
                  </a:cubicBezTo>
                  <a:cubicBezTo>
                    <a:pt x="14" y="60"/>
                    <a:pt x="13" y="62"/>
                    <a:pt x="12" y="63"/>
                  </a:cubicBezTo>
                  <a:lnTo>
                    <a:pt x="47" y="63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90" name="Freeform 84">
              <a:extLst>
                <a:ext uri="{FF2B5EF4-FFF2-40B4-BE49-F238E27FC236}">
                  <a16:creationId xmlns:a16="http://schemas.microsoft.com/office/drawing/2014/main" id="{82BB85D1-1BD0-B349-B6A4-66F5BDF55A71}"/>
                </a:ext>
              </a:extLst>
            </p:cNvPr>
            <p:cNvSpPr>
              <a:spLocks/>
            </p:cNvSpPr>
            <p:nvPr/>
          </p:nvSpPr>
          <p:spPr bwMode="auto">
            <a:xfrm>
              <a:off x="2929" y="3090"/>
              <a:ext cx="7" cy="19"/>
            </a:xfrm>
            <a:custGeom>
              <a:avLst/>
              <a:gdLst>
                <a:gd name="T0" fmla="*/ 35 w 35"/>
                <a:gd name="T1" fmla="*/ 96 h 96"/>
                <a:gd name="T2" fmla="*/ 23 w 35"/>
                <a:gd name="T3" fmla="*/ 96 h 96"/>
                <a:gd name="T4" fmla="*/ 23 w 35"/>
                <a:gd name="T5" fmla="*/ 21 h 96"/>
                <a:gd name="T6" fmla="*/ 12 w 35"/>
                <a:gd name="T7" fmla="*/ 29 h 96"/>
                <a:gd name="T8" fmla="*/ 0 w 35"/>
                <a:gd name="T9" fmla="*/ 35 h 96"/>
                <a:gd name="T10" fmla="*/ 0 w 35"/>
                <a:gd name="T11" fmla="*/ 24 h 96"/>
                <a:gd name="T12" fmla="*/ 17 w 35"/>
                <a:gd name="T13" fmla="*/ 13 h 96"/>
                <a:gd name="T14" fmla="*/ 27 w 35"/>
                <a:gd name="T15" fmla="*/ 0 h 96"/>
                <a:gd name="T16" fmla="*/ 35 w 35"/>
                <a:gd name="T17" fmla="*/ 0 h 96"/>
                <a:gd name="T18" fmla="*/ 35 w 35"/>
                <a:gd name="T19" fmla="*/ 96 h 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35" h="96">
                  <a:moveTo>
                    <a:pt x="35" y="96"/>
                  </a:moveTo>
                  <a:lnTo>
                    <a:pt x="23" y="96"/>
                  </a:lnTo>
                  <a:lnTo>
                    <a:pt x="23" y="21"/>
                  </a:lnTo>
                  <a:cubicBezTo>
                    <a:pt x="20" y="24"/>
                    <a:pt x="16" y="26"/>
                    <a:pt x="12" y="29"/>
                  </a:cubicBezTo>
                  <a:cubicBezTo>
                    <a:pt x="7" y="32"/>
                    <a:pt x="3" y="34"/>
                    <a:pt x="0" y="35"/>
                  </a:cubicBezTo>
                  <a:lnTo>
                    <a:pt x="0" y="24"/>
                  </a:lnTo>
                  <a:cubicBezTo>
                    <a:pt x="6" y="21"/>
                    <a:pt x="12" y="17"/>
                    <a:pt x="17" y="13"/>
                  </a:cubicBezTo>
                  <a:cubicBezTo>
                    <a:pt x="22" y="8"/>
                    <a:pt x="25" y="4"/>
                    <a:pt x="27" y="0"/>
                  </a:cubicBezTo>
                  <a:lnTo>
                    <a:pt x="35" y="0"/>
                  </a:lnTo>
                  <a:lnTo>
                    <a:pt x="35" y="96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91" name="Freeform 85">
              <a:extLst>
                <a:ext uri="{FF2B5EF4-FFF2-40B4-BE49-F238E27FC236}">
                  <a16:creationId xmlns:a16="http://schemas.microsoft.com/office/drawing/2014/main" id="{2ACE46B3-811E-924D-A659-097D7B10ADF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942" y="3090"/>
              <a:ext cx="12" cy="19"/>
            </a:xfrm>
            <a:custGeom>
              <a:avLst/>
              <a:gdLst>
                <a:gd name="T0" fmla="*/ 0 w 62"/>
                <a:gd name="T1" fmla="*/ 49 h 97"/>
                <a:gd name="T2" fmla="*/ 3 w 62"/>
                <a:gd name="T3" fmla="*/ 21 h 97"/>
                <a:gd name="T4" fmla="*/ 13 w 62"/>
                <a:gd name="T5" fmla="*/ 5 h 97"/>
                <a:gd name="T6" fmla="*/ 31 w 62"/>
                <a:gd name="T7" fmla="*/ 0 h 97"/>
                <a:gd name="T8" fmla="*/ 44 w 62"/>
                <a:gd name="T9" fmla="*/ 3 h 97"/>
                <a:gd name="T10" fmla="*/ 54 w 62"/>
                <a:gd name="T11" fmla="*/ 12 h 97"/>
                <a:gd name="T12" fmla="*/ 60 w 62"/>
                <a:gd name="T13" fmla="*/ 26 h 97"/>
                <a:gd name="T14" fmla="*/ 62 w 62"/>
                <a:gd name="T15" fmla="*/ 49 h 97"/>
                <a:gd name="T16" fmla="*/ 58 w 62"/>
                <a:gd name="T17" fmla="*/ 76 h 97"/>
                <a:gd name="T18" fmla="*/ 48 w 62"/>
                <a:gd name="T19" fmla="*/ 92 h 97"/>
                <a:gd name="T20" fmla="*/ 31 w 62"/>
                <a:gd name="T21" fmla="*/ 97 h 97"/>
                <a:gd name="T22" fmla="*/ 9 w 62"/>
                <a:gd name="T23" fmla="*/ 87 h 97"/>
                <a:gd name="T24" fmla="*/ 0 w 62"/>
                <a:gd name="T25" fmla="*/ 49 h 97"/>
                <a:gd name="T26" fmla="*/ 12 w 62"/>
                <a:gd name="T27" fmla="*/ 49 h 97"/>
                <a:gd name="T28" fmla="*/ 17 w 62"/>
                <a:gd name="T29" fmla="*/ 80 h 97"/>
                <a:gd name="T30" fmla="*/ 31 w 62"/>
                <a:gd name="T31" fmla="*/ 88 h 97"/>
                <a:gd name="T32" fmla="*/ 44 w 62"/>
                <a:gd name="T33" fmla="*/ 80 h 97"/>
                <a:gd name="T34" fmla="*/ 50 w 62"/>
                <a:gd name="T35" fmla="*/ 49 h 97"/>
                <a:gd name="T36" fmla="*/ 44 w 62"/>
                <a:gd name="T37" fmla="*/ 17 h 97"/>
                <a:gd name="T38" fmla="*/ 31 w 62"/>
                <a:gd name="T39" fmla="*/ 10 h 97"/>
                <a:gd name="T40" fmla="*/ 18 w 62"/>
                <a:gd name="T41" fmla="*/ 16 h 97"/>
                <a:gd name="T42" fmla="*/ 12 w 62"/>
                <a:gd name="T43" fmla="*/ 49 h 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62" h="97">
                  <a:moveTo>
                    <a:pt x="0" y="49"/>
                  </a:moveTo>
                  <a:cubicBezTo>
                    <a:pt x="0" y="37"/>
                    <a:pt x="1" y="28"/>
                    <a:pt x="3" y="21"/>
                  </a:cubicBezTo>
                  <a:cubicBezTo>
                    <a:pt x="5" y="14"/>
                    <a:pt x="9" y="9"/>
                    <a:pt x="13" y="5"/>
                  </a:cubicBezTo>
                  <a:cubicBezTo>
                    <a:pt x="18" y="2"/>
                    <a:pt x="24" y="0"/>
                    <a:pt x="31" y="0"/>
                  </a:cubicBezTo>
                  <a:cubicBezTo>
                    <a:pt x="36" y="0"/>
                    <a:pt x="40" y="1"/>
                    <a:pt x="44" y="3"/>
                  </a:cubicBezTo>
                  <a:cubicBezTo>
                    <a:pt x="48" y="5"/>
                    <a:pt x="51" y="8"/>
                    <a:pt x="54" y="12"/>
                  </a:cubicBezTo>
                  <a:cubicBezTo>
                    <a:pt x="56" y="16"/>
                    <a:pt x="58" y="20"/>
                    <a:pt x="60" y="26"/>
                  </a:cubicBezTo>
                  <a:cubicBezTo>
                    <a:pt x="61" y="32"/>
                    <a:pt x="62" y="39"/>
                    <a:pt x="62" y="49"/>
                  </a:cubicBezTo>
                  <a:cubicBezTo>
                    <a:pt x="62" y="60"/>
                    <a:pt x="61" y="69"/>
                    <a:pt x="58" y="76"/>
                  </a:cubicBezTo>
                  <a:cubicBezTo>
                    <a:pt x="56" y="83"/>
                    <a:pt x="53" y="88"/>
                    <a:pt x="48" y="92"/>
                  </a:cubicBezTo>
                  <a:cubicBezTo>
                    <a:pt x="44" y="95"/>
                    <a:pt x="38" y="97"/>
                    <a:pt x="31" y="97"/>
                  </a:cubicBezTo>
                  <a:cubicBezTo>
                    <a:pt x="22" y="97"/>
                    <a:pt x="14" y="94"/>
                    <a:pt x="9" y="87"/>
                  </a:cubicBezTo>
                  <a:cubicBezTo>
                    <a:pt x="3" y="79"/>
                    <a:pt x="0" y="67"/>
                    <a:pt x="0" y="49"/>
                  </a:cubicBezTo>
                  <a:close/>
                  <a:moveTo>
                    <a:pt x="12" y="49"/>
                  </a:moveTo>
                  <a:cubicBezTo>
                    <a:pt x="12" y="64"/>
                    <a:pt x="14" y="75"/>
                    <a:pt x="17" y="80"/>
                  </a:cubicBezTo>
                  <a:cubicBezTo>
                    <a:pt x="21" y="85"/>
                    <a:pt x="25" y="88"/>
                    <a:pt x="31" y="88"/>
                  </a:cubicBezTo>
                  <a:cubicBezTo>
                    <a:pt x="36" y="88"/>
                    <a:pt x="41" y="85"/>
                    <a:pt x="44" y="80"/>
                  </a:cubicBezTo>
                  <a:cubicBezTo>
                    <a:pt x="48" y="75"/>
                    <a:pt x="50" y="64"/>
                    <a:pt x="50" y="49"/>
                  </a:cubicBezTo>
                  <a:cubicBezTo>
                    <a:pt x="50" y="33"/>
                    <a:pt x="48" y="22"/>
                    <a:pt x="44" y="17"/>
                  </a:cubicBezTo>
                  <a:cubicBezTo>
                    <a:pt x="41" y="12"/>
                    <a:pt x="36" y="10"/>
                    <a:pt x="31" y="10"/>
                  </a:cubicBezTo>
                  <a:cubicBezTo>
                    <a:pt x="25" y="10"/>
                    <a:pt x="21" y="12"/>
                    <a:pt x="18" y="16"/>
                  </a:cubicBezTo>
                  <a:cubicBezTo>
                    <a:pt x="14" y="22"/>
                    <a:pt x="12" y="33"/>
                    <a:pt x="12" y="49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92" name="Rectangle 86">
              <a:extLst>
                <a:ext uri="{FF2B5EF4-FFF2-40B4-BE49-F238E27FC236}">
                  <a16:creationId xmlns:a16="http://schemas.microsoft.com/office/drawing/2014/main" id="{DCECFDC9-3930-0F4C-8B27-D9660171F7C4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956" y="3088"/>
              <a:ext cx="9" cy="2"/>
            </a:xfrm>
            <a:prstGeom prst="rect">
              <a:avLst/>
            </a:pr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93" name="Freeform 87">
              <a:extLst>
                <a:ext uri="{FF2B5EF4-FFF2-40B4-BE49-F238E27FC236}">
                  <a16:creationId xmlns:a16="http://schemas.microsoft.com/office/drawing/2014/main" id="{B23A80D7-65C3-344A-94F8-8114F839BC41}"/>
                </a:ext>
              </a:extLst>
            </p:cNvPr>
            <p:cNvSpPr>
              <a:spLocks/>
            </p:cNvSpPr>
            <p:nvPr/>
          </p:nvSpPr>
          <p:spPr bwMode="auto">
            <a:xfrm>
              <a:off x="2969" y="3082"/>
              <a:ext cx="5" cy="14"/>
            </a:xfrm>
            <a:custGeom>
              <a:avLst/>
              <a:gdLst>
                <a:gd name="T0" fmla="*/ 27 w 27"/>
                <a:gd name="T1" fmla="*/ 71 h 71"/>
                <a:gd name="T2" fmla="*/ 18 w 27"/>
                <a:gd name="T3" fmla="*/ 71 h 71"/>
                <a:gd name="T4" fmla="*/ 18 w 27"/>
                <a:gd name="T5" fmla="*/ 15 h 71"/>
                <a:gd name="T6" fmla="*/ 10 w 27"/>
                <a:gd name="T7" fmla="*/ 22 h 71"/>
                <a:gd name="T8" fmla="*/ 0 w 27"/>
                <a:gd name="T9" fmla="*/ 26 h 71"/>
                <a:gd name="T10" fmla="*/ 0 w 27"/>
                <a:gd name="T11" fmla="*/ 18 h 71"/>
                <a:gd name="T12" fmla="*/ 13 w 27"/>
                <a:gd name="T13" fmla="*/ 9 h 71"/>
                <a:gd name="T14" fmla="*/ 21 w 27"/>
                <a:gd name="T15" fmla="*/ 0 h 71"/>
                <a:gd name="T16" fmla="*/ 27 w 27"/>
                <a:gd name="T17" fmla="*/ 0 h 71"/>
                <a:gd name="T18" fmla="*/ 27 w 27"/>
                <a:gd name="T19" fmla="*/ 71 h 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7" h="71">
                  <a:moveTo>
                    <a:pt x="27" y="71"/>
                  </a:moveTo>
                  <a:lnTo>
                    <a:pt x="18" y="71"/>
                  </a:lnTo>
                  <a:lnTo>
                    <a:pt x="18" y="15"/>
                  </a:lnTo>
                  <a:cubicBezTo>
                    <a:pt x="16" y="18"/>
                    <a:pt x="13" y="20"/>
                    <a:pt x="10" y="22"/>
                  </a:cubicBezTo>
                  <a:cubicBezTo>
                    <a:pt x="6" y="24"/>
                    <a:pt x="3" y="25"/>
                    <a:pt x="0" y="26"/>
                  </a:cubicBezTo>
                  <a:lnTo>
                    <a:pt x="0" y="18"/>
                  </a:lnTo>
                  <a:cubicBezTo>
                    <a:pt x="5" y="15"/>
                    <a:pt x="10" y="12"/>
                    <a:pt x="13" y="9"/>
                  </a:cubicBezTo>
                  <a:cubicBezTo>
                    <a:pt x="17" y="6"/>
                    <a:pt x="20" y="3"/>
                    <a:pt x="21" y="0"/>
                  </a:cubicBezTo>
                  <a:lnTo>
                    <a:pt x="27" y="0"/>
                  </a:lnTo>
                  <a:lnTo>
                    <a:pt x="27" y="71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94" name="Freeform 88">
              <a:extLst>
                <a:ext uri="{FF2B5EF4-FFF2-40B4-BE49-F238E27FC236}">
                  <a16:creationId xmlns:a16="http://schemas.microsoft.com/office/drawing/2014/main" id="{E79533AB-5DE4-4949-8784-82A289B85CA7}"/>
                </a:ext>
              </a:extLst>
            </p:cNvPr>
            <p:cNvSpPr>
              <a:spLocks/>
            </p:cNvSpPr>
            <p:nvPr/>
          </p:nvSpPr>
          <p:spPr bwMode="auto">
            <a:xfrm>
              <a:off x="2940" y="2483"/>
              <a:ext cx="7" cy="18"/>
            </a:xfrm>
            <a:custGeom>
              <a:avLst/>
              <a:gdLst>
                <a:gd name="T0" fmla="*/ 35 w 35"/>
                <a:gd name="T1" fmla="*/ 95 h 95"/>
                <a:gd name="T2" fmla="*/ 23 w 35"/>
                <a:gd name="T3" fmla="*/ 95 h 95"/>
                <a:gd name="T4" fmla="*/ 23 w 35"/>
                <a:gd name="T5" fmla="*/ 21 h 95"/>
                <a:gd name="T6" fmla="*/ 12 w 35"/>
                <a:gd name="T7" fmla="*/ 29 h 95"/>
                <a:gd name="T8" fmla="*/ 0 w 35"/>
                <a:gd name="T9" fmla="*/ 35 h 95"/>
                <a:gd name="T10" fmla="*/ 0 w 35"/>
                <a:gd name="T11" fmla="*/ 24 h 95"/>
                <a:gd name="T12" fmla="*/ 17 w 35"/>
                <a:gd name="T13" fmla="*/ 12 h 95"/>
                <a:gd name="T14" fmla="*/ 27 w 35"/>
                <a:gd name="T15" fmla="*/ 0 h 95"/>
                <a:gd name="T16" fmla="*/ 35 w 35"/>
                <a:gd name="T17" fmla="*/ 0 h 95"/>
                <a:gd name="T18" fmla="*/ 35 w 35"/>
                <a:gd name="T19" fmla="*/ 95 h 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35" h="95">
                  <a:moveTo>
                    <a:pt x="35" y="95"/>
                  </a:moveTo>
                  <a:lnTo>
                    <a:pt x="23" y="95"/>
                  </a:lnTo>
                  <a:lnTo>
                    <a:pt x="23" y="21"/>
                  </a:lnTo>
                  <a:cubicBezTo>
                    <a:pt x="20" y="24"/>
                    <a:pt x="17" y="26"/>
                    <a:pt x="12" y="29"/>
                  </a:cubicBezTo>
                  <a:cubicBezTo>
                    <a:pt x="8" y="32"/>
                    <a:pt x="3" y="34"/>
                    <a:pt x="0" y="35"/>
                  </a:cubicBezTo>
                  <a:lnTo>
                    <a:pt x="0" y="24"/>
                  </a:lnTo>
                  <a:cubicBezTo>
                    <a:pt x="6" y="21"/>
                    <a:pt x="12" y="17"/>
                    <a:pt x="17" y="12"/>
                  </a:cubicBezTo>
                  <a:cubicBezTo>
                    <a:pt x="22" y="8"/>
                    <a:pt x="25" y="4"/>
                    <a:pt x="27" y="0"/>
                  </a:cubicBezTo>
                  <a:lnTo>
                    <a:pt x="35" y="0"/>
                  </a:lnTo>
                  <a:lnTo>
                    <a:pt x="35" y="95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95" name="Freeform 89">
              <a:extLst>
                <a:ext uri="{FF2B5EF4-FFF2-40B4-BE49-F238E27FC236}">
                  <a16:creationId xmlns:a16="http://schemas.microsoft.com/office/drawing/2014/main" id="{BB600EC6-88CD-AD49-B532-CACE606B93F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953" y="2483"/>
              <a:ext cx="12" cy="19"/>
            </a:xfrm>
            <a:custGeom>
              <a:avLst/>
              <a:gdLst>
                <a:gd name="T0" fmla="*/ 0 w 62"/>
                <a:gd name="T1" fmla="*/ 48 h 97"/>
                <a:gd name="T2" fmla="*/ 3 w 62"/>
                <a:gd name="T3" fmla="*/ 21 h 97"/>
                <a:gd name="T4" fmla="*/ 14 w 62"/>
                <a:gd name="T5" fmla="*/ 5 h 97"/>
                <a:gd name="T6" fmla="*/ 31 w 62"/>
                <a:gd name="T7" fmla="*/ 0 h 97"/>
                <a:gd name="T8" fmla="*/ 45 w 62"/>
                <a:gd name="T9" fmla="*/ 3 h 97"/>
                <a:gd name="T10" fmla="*/ 54 w 62"/>
                <a:gd name="T11" fmla="*/ 12 h 97"/>
                <a:gd name="T12" fmla="*/ 60 w 62"/>
                <a:gd name="T13" fmla="*/ 26 h 97"/>
                <a:gd name="T14" fmla="*/ 62 w 62"/>
                <a:gd name="T15" fmla="*/ 48 h 97"/>
                <a:gd name="T16" fmla="*/ 59 w 62"/>
                <a:gd name="T17" fmla="*/ 76 h 97"/>
                <a:gd name="T18" fmla="*/ 48 w 62"/>
                <a:gd name="T19" fmla="*/ 92 h 97"/>
                <a:gd name="T20" fmla="*/ 31 w 62"/>
                <a:gd name="T21" fmla="*/ 97 h 97"/>
                <a:gd name="T22" fmla="*/ 9 w 62"/>
                <a:gd name="T23" fmla="*/ 87 h 97"/>
                <a:gd name="T24" fmla="*/ 0 w 62"/>
                <a:gd name="T25" fmla="*/ 48 h 97"/>
                <a:gd name="T26" fmla="*/ 12 w 62"/>
                <a:gd name="T27" fmla="*/ 48 h 97"/>
                <a:gd name="T28" fmla="*/ 18 w 62"/>
                <a:gd name="T29" fmla="*/ 80 h 97"/>
                <a:gd name="T30" fmla="*/ 31 w 62"/>
                <a:gd name="T31" fmla="*/ 87 h 97"/>
                <a:gd name="T32" fmla="*/ 45 w 62"/>
                <a:gd name="T33" fmla="*/ 80 h 97"/>
                <a:gd name="T34" fmla="*/ 50 w 62"/>
                <a:gd name="T35" fmla="*/ 48 h 97"/>
                <a:gd name="T36" fmla="*/ 45 w 62"/>
                <a:gd name="T37" fmla="*/ 17 h 97"/>
                <a:gd name="T38" fmla="*/ 31 w 62"/>
                <a:gd name="T39" fmla="*/ 9 h 97"/>
                <a:gd name="T40" fmla="*/ 18 w 62"/>
                <a:gd name="T41" fmla="*/ 16 h 97"/>
                <a:gd name="T42" fmla="*/ 12 w 62"/>
                <a:gd name="T43" fmla="*/ 48 h 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62" h="97">
                  <a:moveTo>
                    <a:pt x="0" y="48"/>
                  </a:moveTo>
                  <a:cubicBezTo>
                    <a:pt x="0" y="37"/>
                    <a:pt x="1" y="28"/>
                    <a:pt x="3" y="21"/>
                  </a:cubicBezTo>
                  <a:cubicBezTo>
                    <a:pt x="6" y="14"/>
                    <a:pt x="9" y="9"/>
                    <a:pt x="14" y="5"/>
                  </a:cubicBezTo>
                  <a:cubicBezTo>
                    <a:pt x="18" y="2"/>
                    <a:pt x="24" y="0"/>
                    <a:pt x="31" y="0"/>
                  </a:cubicBezTo>
                  <a:cubicBezTo>
                    <a:pt x="36" y="0"/>
                    <a:pt x="41" y="1"/>
                    <a:pt x="45" y="3"/>
                  </a:cubicBezTo>
                  <a:cubicBezTo>
                    <a:pt x="48" y="5"/>
                    <a:pt x="52" y="8"/>
                    <a:pt x="54" y="12"/>
                  </a:cubicBezTo>
                  <a:cubicBezTo>
                    <a:pt x="57" y="16"/>
                    <a:pt x="59" y="20"/>
                    <a:pt x="60" y="26"/>
                  </a:cubicBezTo>
                  <a:cubicBezTo>
                    <a:pt x="62" y="31"/>
                    <a:pt x="62" y="39"/>
                    <a:pt x="62" y="48"/>
                  </a:cubicBezTo>
                  <a:cubicBezTo>
                    <a:pt x="62" y="60"/>
                    <a:pt x="61" y="69"/>
                    <a:pt x="59" y="76"/>
                  </a:cubicBezTo>
                  <a:cubicBezTo>
                    <a:pt x="56" y="82"/>
                    <a:pt x="53" y="88"/>
                    <a:pt x="48" y="92"/>
                  </a:cubicBezTo>
                  <a:cubicBezTo>
                    <a:pt x="44" y="95"/>
                    <a:pt x="38" y="97"/>
                    <a:pt x="31" y="97"/>
                  </a:cubicBezTo>
                  <a:cubicBezTo>
                    <a:pt x="22" y="97"/>
                    <a:pt x="15" y="94"/>
                    <a:pt x="9" y="87"/>
                  </a:cubicBezTo>
                  <a:cubicBezTo>
                    <a:pt x="3" y="79"/>
                    <a:pt x="0" y="66"/>
                    <a:pt x="0" y="48"/>
                  </a:cubicBezTo>
                  <a:close/>
                  <a:moveTo>
                    <a:pt x="12" y="48"/>
                  </a:moveTo>
                  <a:cubicBezTo>
                    <a:pt x="12" y="64"/>
                    <a:pt x="14" y="75"/>
                    <a:pt x="18" y="80"/>
                  </a:cubicBezTo>
                  <a:cubicBezTo>
                    <a:pt x="21" y="85"/>
                    <a:pt x="26" y="87"/>
                    <a:pt x="31" y="87"/>
                  </a:cubicBezTo>
                  <a:cubicBezTo>
                    <a:pt x="37" y="87"/>
                    <a:pt x="41" y="85"/>
                    <a:pt x="45" y="80"/>
                  </a:cubicBezTo>
                  <a:cubicBezTo>
                    <a:pt x="48" y="74"/>
                    <a:pt x="50" y="64"/>
                    <a:pt x="50" y="48"/>
                  </a:cubicBezTo>
                  <a:cubicBezTo>
                    <a:pt x="50" y="33"/>
                    <a:pt x="48" y="22"/>
                    <a:pt x="45" y="17"/>
                  </a:cubicBezTo>
                  <a:cubicBezTo>
                    <a:pt x="41" y="12"/>
                    <a:pt x="36" y="9"/>
                    <a:pt x="31" y="9"/>
                  </a:cubicBezTo>
                  <a:cubicBezTo>
                    <a:pt x="26" y="9"/>
                    <a:pt x="21" y="12"/>
                    <a:pt x="18" y="16"/>
                  </a:cubicBezTo>
                  <a:cubicBezTo>
                    <a:pt x="14" y="22"/>
                    <a:pt x="12" y="33"/>
                    <a:pt x="12" y="48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96" name="Freeform 90">
              <a:extLst>
                <a:ext uri="{FF2B5EF4-FFF2-40B4-BE49-F238E27FC236}">
                  <a16:creationId xmlns:a16="http://schemas.microsoft.com/office/drawing/2014/main" id="{4DAA17EC-9F37-0041-ABAC-5A11F9215C6D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967" y="2475"/>
              <a:ext cx="9" cy="14"/>
            </a:xfrm>
            <a:custGeom>
              <a:avLst/>
              <a:gdLst>
                <a:gd name="T0" fmla="*/ 0 w 46"/>
                <a:gd name="T1" fmla="*/ 37 h 73"/>
                <a:gd name="T2" fmla="*/ 2 w 46"/>
                <a:gd name="T3" fmla="*/ 16 h 73"/>
                <a:gd name="T4" fmla="*/ 10 w 46"/>
                <a:gd name="T5" fmla="*/ 4 h 73"/>
                <a:gd name="T6" fmla="*/ 23 w 46"/>
                <a:gd name="T7" fmla="*/ 0 h 73"/>
                <a:gd name="T8" fmla="*/ 33 w 46"/>
                <a:gd name="T9" fmla="*/ 3 h 73"/>
                <a:gd name="T10" fmla="*/ 40 w 46"/>
                <a:gd name="T11" fmla="*/ 9 h 73"/>
                <a:gd name="T12" fmla="*/ 45 w 46"/>
                <a:gd name="T13" fmla="*/ 20 h 73"/>
                <a:gd name="T14" fmla="*/ 46 w 46"/>
                <a:gd name="T15" fmla="*/ 37 h 73"/>
                <a:gd name="T16" fmla="*/ 44 w 46"/>
                <a:gd name="T17" fmla="*/ 57 h 73"/>
                <a:gd name="T18" fmla="*/ 36 w 46"/>
                <a:gd name="T19" fmla="*/ 69 h 73"/>
                <a:gd name="T20" fmla="*/ 23 w 46"/>
                <a:gd name="T21" fmla="*/ 73 h 73"/>
                <a:gd name="T22" fmla="*/ 7 w 46"/>
                <a:gd name="T23" fmla="*/ 66 h 73"/>
                <a:gd name="T24" fmla="*/ 0 w 46"/>
                <a:gd name="T25" fmla="*/ 37 h 73"/>
                <a:gd name="T26" fmla="*/ 9 w 46"/>
                <a:gd name="T27" fmla="*/ 37 h 73"/>
                <a:gd name="T28" fmla="*/ 13 w 46"/>
                <a:gd name="T29" fmla="*/ 60 h 73"/>
                <a:gd name="T30" fmla="*/ 23 w 46"/>
                <a:gd name="T31" fmla="*/ 66 h 73"/>
                <a:gd name="T32" fmla="*/ 33 w 46"/>
                <a:gd name="T33" fmla="*/ 60 h 73"/>
                <a:gd name="T34" fmla="*/ 37 w 46"/>
                <a:gd name="T35" fmla="*/ 37 h 73"/>
                <a:gd name="T36" fmla="*/ 33 w 46"/>
                <a:gd name="T37" fmla="*/ 13 h 73"/>
                <a:gd name="T38" fmla="*/ 23 w 46"/>
                <a:gd name="T39" fmla="*/ 8 h 73"/>
                <a:gd name="T40" fmla="*/ 13 w 46"/>
                <a:gd name="T41" fmla="*/ 13 h 73"/>
                <a:gd name="T42" fmla="*/ 9 w 46"/>
                <a:gd name="T43" fmla="*/ 37 h 7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46" h="73">
                  <a:moveTo>
                    <a:pt x="0" y="37"/>
                  </a:moveTo>
                  <a:cubicBezTo>
                    <a:pt x="0" y="28"/>
                    <a:pt x="1" y="22"/>
                    <a:pt x="2" y="16"/>
                  </a:cubicBezTo>
                  <a:cubicBezTo>
                    <a:pt x="4" y="11"/>
                    <a:pt x="7" y="7"/>
                    <a:pt x="10" y="4"/>
                  </a:cubicBezTo>
                  <a:cubicBezTo>
                    <a:pt x="14" y="2"/>
                    <a:pt x="18" y="0"/>
                    <a:pt x="23" y="0"/>
                  </a:cubicBezTo>
                  <a:cubicBezTo>
                    <a:pt x="27" y="0"/>
                    <a:pt x="30" y="1"/>
                    <a:pt x="33" y="3"/>
                  </a:cubicBezTo>
                  <a:cubicBezTo>
                    <a:pt x="36" y="4"/>
                    <a:pt x="39" y="6"/>
                    <a:pt x="40" y="9"/>
                  </a:cubicBezTo>
                  <a:cubicBezTo>
                    <a:pt x="42" y="12"/>
                    <a:pt x="44" y="16"/>
                    <a:pt x="45" y="20"/>
                  </a:cubicBezTo>
                  <a:cubicBezTo>
                    <a:pt x="46" y="24"/>
                    <a:pt x="46" y="30"/>
                    <a:pt x="46" y="37"/>
                  </a:cubicBezTo>
                  <a:cubicBezTo>
                    <a:pt x="46" y="45"/>
                    <a:pt x="46" y="52"/>
                    <a:pt x="44" y="57"/>
                  </a:cubicBezTo>
                  <a:cubicBezTo>
                    <a:pt x="42" y="62"/>
                    <a:pt x="40" y="66"/>
                    <a:pt x="36" y="69"/>
                  </a:cubicBezTo>
                  <a:cubicBezTo>
                    <a:pt x="33" y="72"/>
                    <a:pt x="28" y="73"/>
                    <a:pt x="23" y="73"/>
                  </a:cubicBezTo>
                  <a:cubicBezTo>
                    <a:pt x="16" y="73"/>
                    <a:pt x="11" y="71"/>
                    <a:pt x="7" y="66"/>
                  </a:cubicBezTo>
                  <a:cubicBezTo>
                    <a:pt x="2" y="60"/>
                    <a:pt x="0" y="50"/>
                    <a:pt x="0" y="37"/>
                  </a:cubicBezTo>
                  <a:close/>
                  <a:moveTo>
                    <a:pt x="9" y="37"/>
                  </a:moveTo>
                  <a:cubicBezTo>
                    <a:pt x="9" y="49"/>
                    <a:pt x="10" y="56"/>
                    <a:pt x="13" y="60"/>
                  </a:cubicBezTo>
                  <a:cubicBezTo>
                    <a:pt x="16" y="64"/>
                    <a:pt x="19" y="66"/>
                    <a:pt x="23" y="66"/>
                  </a:cubicBezTo>
                  <a:cubicBezTo>
                    <a:pt x="27" y="66"/>
                    <a:pt x="31" y="64"/>
                    <a:pt x="33" y="60"/>
                  </a:cubicBezTo>
                  <a:cubicBezTo>
                    <a:pt x="36" y="56"/>
                    <a:pt x="37" y="49"/>
                    <a:pt x="37" y="37"/>
                  </a:cubicBezTo>
                  <a:cubicBezTo>
                    <a:pt x="37" y="25"/>
                    <a:pt x="36" y="17"/>
                    <a:pt x="33" y="13"/>
                  </a:cubicBezTo>
                  <a:cubicBezTo>
                    <a:pt x="31" y="10"/>
                    <a:pt x="27" y="8"/>
                    <a:pt x="23" y="8"/>
                  </a:cubicBezTo>
                  <a:cubicBezTo>
                    <a:pt x="19" y="8"/>
                    <a:pt x="16" y="9"/>
                    <a:pt x="13" y="13"/>
                  </a:cubicBezTo>
                  <a:cubicBezTo>
                    <a:pt x="10" y="17"/>
                    <a:pt x="9" y="25"/>
                    <a:pt x="9" y="37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97" name="Freeform 91">
              <a:extLst>
                <a:ext uri="{FF2B5EF4-FFF2-40B4-BE49-F238E27FC236}">
                  <a16:creationId xmlns:a16="http://schemas.microsoft.com/office/drawing/2014/main" id="{2ABC16D8-20DD-FD4F-99EE-3F38E8829B49}"/>
                </a:ext>
              </a:extLst>
            </p:cNvPr>
            <p:cNvSpPr>
              <a:spLocks/>
            </p:cNvSpPr>
            <p:nvPr/>
          </p:nvSpPr>
          <p:spPr bwMode="auto">
            <a:xfrm>
              <a:off x="2940" y="1876"/>
              <a:ext cx="7" cy="19"/>
            </a:xfrm>
            <a:custGeom>
              <a:avLst/>
              <a:gdLst>
                <a:gd name="T0" fmla="*/ 35 w 35"/>
                <a:gd name="T1" fmla="*/ 96 h 96"/>
                <a:gd name="T2" fmla="*/ 23 w 35"/>
                <a:gd name="T3" fmla="*/ 96 h 96"/>
                <a:gd name="T4" fmla="*/ 23 w 35"/>
                <a:gd name="T5" fmla="*/ 22 h 96"/>
                <a:gd name="T6" fmla="*/ 12 w 35"/>
                <a:gd name="T7" fmla="*/ 30 h 96"/>
                <a:gd name="T8" fmla="*/ 0 w 35"/>
                <a:gd name="T9" fmla="*/ 36 h 96"/>
                <a:gd name="T10" fmla="*/ 0 w 35"/>
                <a:gd name="T11" fmla="*/ 24 h 96"/>
                <a:gd name="T12" fmla="*/ 17 w 35"/>
                <a:gd name="T13" fmla="*/ 13 h 96"/>
                <a:gd name="T14" fmla="*/ 27 w 35"/>
                <a:gd name="T15" fmla="*/ 0 h 96"/>
                <a:gd name="T16" fmla="*/ 35 w 35"/>
                <a:gd name="T17" fmla="*/ 0 h 96"/>
                <a:gd name="T18" fmla="*/ 35 w 35"/>
                <a:gd name="T19" fmla="*/ 96 h 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35" h="96">
                  <a:moveTo>
                    <a:pt x="35" y="96"/>
                  </a:moveTo>
                  <a:lnTo>
                    <a:pt x="23" y="96"/>
                  </a:lnTo>
                  <a:lnTo>
                    <a:pt x="23" y="22"/>
                  </a:lnTo>
                  <a:cubicBezTo>
                    <a:pt x="20" y="24"/>
                    <a:pt x="17" y="27"/>
                    <a:pt x="12" y="30"/>
                  </a:cubicBezTo>
                  <a:cubicBezTo>
                    <a:pt x="8" y="32"/>
                    <a:pt x="3" y="34"/>
                    <a:pt x="0" y="36"/>
                  </a:cubicBezTo>
                  <a:lnTo>
                    <a:pt x="0" y="24"/>
                  </a:lnTo>
                  <a:cubicBezTo>
                    <a:pt x="6" y="21"/>
                    <a:pt x="12" y="18"/>
                    <a:pt x="17" y="13"/>
                  </a:cubicBezTo>
                  <a:cubicBezTo>
                    <a:pt x="22" y="9"/>
                    <a:pt x="25" y="5"/>
                    <a:pt x="27" y="0"/>
                  </a:cubicBezTo>
                  <a:lnTo>
                    <a:pt x="35" y="0"/>
                  </a:lnTo>
                  <a:lnTo>
                    <a:pt x="35" y="96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98" name="Freeform 92">
              <a:extLst>
                <a:ext uri="{FF2B5EF4-FFF2-40B4-BE49-F238E27FC236}">
                  <a16:creationId xmlns:a16="http://schemas.microsoft.com/office/drawing/2014/main" id="{E03FF5DF-0A27-9A4B-9E9D-EC99A771078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953" y="1876"/>
              <a:ext cx="12" cy="19"/>
            </a:xfrm>
            <a:custGeom>
              <a:avLst/>
              <a:gdLst>
                <a:gd name="T0" fmla="*/ 0 w 62"/>
                <a:gd name="T1" fmla="*/ 49 h 98"/>
                <a:gd name="T2" fmla="*/ 3 w 62"/>
                <a:gd name="T3" fmla="*/ 22 h 98"/>
                <a:gd name="T4" fmla="*/ 14 w 62"/>
                <a:gd name="T5" fmla="*/ 6 h 98"/>
                <a:gd name="T6" fmla="*/ 31 w 62"/>
                <a:gd name="T7" fmla="*/ 0 h 98"/>
                <a:gd name="T8" fmla="*/ 45 w 62"/>
                <a:gd name="T9" fmla="*/ 4 h 98"/>
                <a:gd name="T10" fmla="*/ 54 w 62"/>
                <a:gd name="T11" fmla="*/ 13 h 98"/>
                <a:gd name="T12" fmla="*/ 60 w 62"/>
                <a:gd name="T13" fmla="*/ 27 h 98"/>
                <a:gd name="T14" fmla="*/ 62 w 62"/>
                <a:gd name="T15" fmla="*/ 49 h 98"/>
                <a:gd name="T16" fmla="*/ 59 w 62"/>
                <a:gd name="T17" fmla="*/ 76 h 98"/>
                <a:gd name="T18" fmla="*/ 48 w 62"/>
                <a:gd name="T19" fmla="*/ 92 h 98"/>
                <a:gd name="T20" fmla="*/ 31 w 62"/>
                <a:gd name="T21" fmla="*/ 98 h 98"/>
                <a:gd name="T22" fmla="*/ 9 w 62"/>
                <a:gd name="T23" fmla="*/ 88 h 98"/>
                <a:gd name="T24" fmla="*/ 0 w 62"/>
                <a:gd name="T25" fmla="*/ 49 h 98"/>
                <a:gd name="T26" fmla="*/ 12 w 62"/>
                <a:gd name="T27" fmla="*/ 49 h 98"/>
                <a:gd name="T28" fmla="*/ 18 w 62"/>
                <a:gd name="T29" fmla="*/ 81 h 98"/>
                <a:gd name="T30" fmla="*/ 31 w 62"/>
                <a:gd name="T31" fmla="*/ 88 h 98"/>
                <a:gd name="T32" fmla="*/ 45 w 62"/>
                <a:gd name="T33" fmla="*/ 81 h 98"/>
                <a:gd name="T34" fmla="*/ 50 w 62"/>
                <a:gd name="T35" fmla="*/ 49 h 98"/>
                <a:gd name="T36" fmla="*/ 45 w 62"/>
                <a:gd name="T37" fmla="*/ 18 h 98"/>
                <a:gd name="T38" fmla="*/ 31 w 62"/>
                <a:gd name="T39" fmla="*/ 10 h 98"/>
                <a:gd name="T40" fmla="*/ 18 w 62"/>
                <a:gd name="T41" fmla="*/ 17 h 98"/>
                <a:gd name="T42" fmla="*/ 12 w 62"/>
                <a:gd name="T43" fmla="*/ 49 h 9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62" h="98">
                  <a:moveTo>
                    <a:pt x="0" y="49"/>
                  </a:moveTo>
                  <a:cubicBezTo>
                    <a:pt x="0" y="38"/>
                    <a:pt x="1" y="29"/>
                    <a:pt x="3" y="22"/>
                  </a:cubicBezTo>
                  <a:cubicBezTo>
                    <a:pt x="6" y="15"/>
                    <a:pt x="9" y="10"/>
                    <a:pt x="14" y="6"/>
                  </a:cubicBezTo>
                  <a:cubicBezTo>
                    <a:pt x="18" y="2"/>
                    <a:pt x="24" y="0"/>
                    <a:pt x="31" y="0"/>
                  </a:cubicBezTo>
                  <a:cubicBezTo>
                    <a:pt x="36" y="0"/>
                    <a:pt x="41" y="2"/>
                    <a:pt x="45" y="4"/>
                  </a:cubicBezTo>
                  <a:cubicBezTo>
                    <a:pt x="48" y="6"/>
                    <a:pt x="52" y="9"/>
                    <a:pt x="54" y="13"/>
                  </a:cubicBezTo>
                  <a:cubicBezTo>
                    <a:pt x="57" y="16"/>
                    <a:pt x="59" y="21"/>
                    <a:pt x="60" y="27"/>
                  </a:cubicBezTo>
                  <a:cubicBezTo>
                    <a:pt x="62" y="32"/>
                    <a:pt x="62" y="40"/>
                    <a:pt x="62" y="49"/>
                  </a:cubicBezTo>
                  <a:cubicBezTo>
                    <a:pt x="62" y="60"/>
                    <a:pt x="61" y="70"/>
                    <a:pt x="59" y="76"/>
                  </a:cubicBezTo>
                  <a:cubicBezTo>
                    <a:pt x="56" y="83"/>
                    <a:pt x="53" y="89"/>
                    <a:pt x="48" y="92"/>
                  </a:cubicBezTo>
                  <a:cubicBezTo>
                    <a:pt x="44" y="96"/>
                    <a:pt x="38" y="98"/>
                    <a:pt x="31" y="98"/>
                  </a:cubicBezTo>
                  <a:cubicBezTo>
                    <a:pt x="22" y="98"/>
                    <a:pt x="15" y="95"/>
                    <a:pt x="9" y="88"/>
                  </a:cubicBezTo>
                  <a:cubicBezTo>
                    <a:pt x="3" y="80"/>
                    <a:pt x="0" y="67"/>
                    <a:pt x="0" y="49"/>
                  </a:cubicBezTo>
                  <a:close/>
                  <a:moveTo>
                    <a:pt x="12" y="49"/>
                  </a:moveTo>
                  <a:cubicBezTo>
                    <a:pt x="12" y="65"/>
                    <a:pt x="14" y="75"/>
                    <a:pt x="18" y="81"/>
                  </a:cubicBezTo>
                  <a:cubicBezTo>
                    <a:pt x="21" y="86"/>
                    <a:pt x="26" y="88"/>
                    <a:pt x="31" y="88"/>
                  </a:cubicBezTo>
                  <a:cubicBezTo>
                    <a:pt x="37" y="88"/>
                    <a:pt x="41" y="86"/>
                    <a:pt x="45" y="81"/>
                  </a:cubicBezTo>
                  <a:cubicBezTo>
                    <a:pt x="48" y="75"/>
                    <a:pt x="50" y="65"/>
                    <a:pt x="50" y="49"/>
                  </a:cubicBezTo>
                  <a:cubicBezTo>
                    <a:pt x="50" y="34"/>
                    <a:pt x="48" y="23"/>
                    <a:pt x="45" y="18"/>
                  </a:cubicBezTo>
                  <a:cubicBezTo>
                    <a:pt x="41" y="13"/>
                    <a:pt x="36" y="10"/>
                    <a:pt x="31" y="10"/>
                  </a:cubicBezTo>
                  <a:cubicBezTo>
                    <a:pt x="26" y="10"/>
                    <a:pt x="21" y="12"/>
                    <a:pt x="18" y="17"/>
                  </a:cubicBezTo>
                  <a:cubicBezTo>
                    <a:pt x="14" y="23"/>
                    <a:pt x="12" y="34"/>
                    <a:pt x="12" y="49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199" name="Freeform 93">
              <a:extLst>
                <a:ext uri="{FF2B5EF4-FFF2-40B4-BE49-F238E27FC236}">
                  <a16:creationId xmlns:a16="http://schemas.microsoft.com/office/drawing/2014/main" id="{CE981F9D-320A-4642-BFD3-AF3872335F87}"/>
                </a:ext>
              </a:extLst>
            </p:cNvPr>
            <p:cNvSpPr>
              <a:spLocks/>
            </p:cNvSpPr>
            <p:nvPr/>
          </p:nvSpPr>
          <p:spPr bwMode="auto">
            <a:xfrm>
              <a:off x="2969" y="1868"/>
              <a:ext cx="5" cy="14"/>
            </a:xfrm>
            <a:custGeom>
              <a:avLst/>
              <a:gdLst>
                <a:gd name="T0" fmla="*/ 26 w 26"/>
                <a:gd name="T1" fmla="*/ 72 h 72"/>
                <a:gd name="T2" fmla="*/ 17 w 26"/>
                <a:gd name="T3" fmla="*/ 72 h 72"/>
                <a:gd name="T4" fmla="*/ 17 w 26"/>
                <a:gd name="T5" fmla="*/ 16 h 72"/>
                <a:gd name="T6" fmla="*/ 9 w 26"/>
                <a:gd name="T7" fmla="*/ 22 h 72"/>
                <a:gd name="T8" fmla="*/ 0 w 26"/>
                <a:gd name="T9" fmla="*/ 27 h 72"/>
                <a:gd name="T10" fmla="*/ 0 w 26"/>
                <a:gd name="T11" fmla="*/ 18 h 72"/>
                <a:gd name="T12" fmla="*/ 12 w 26"/>
                <a:gd name="T13" fmla="*/ 10 h 72"/>
                <a:gd name="T14" fmla="*/ 20 w 26"/>
                <a:gd name="T15" fmla="*/ 0 h 72"/>
                <a:gd name="T16" fmla="*/ 26 w 26"/>
                <a:gd name="T17" fmla="*/ 0 h 72"/>
                <a:gd name="T18" fmla="*/ 26 w 26"/>
                <a:gd name="T19" fmla="*/ 72 h 7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6" h="72">
                  <a:moveTo>
                    <a:pt x="26" y="72"/>
                  </a:moveTo>
                  <a:lnTo>
                    <a:pt x="17" y="72"/>
                  </a:lnTo>
                  <a:lnTo>
                    <a:pt x="17" y="16"/>
                  </a:lnTo>
                  <a:cubicBezTo>
                    <a:pt x="15" y="18"/>
                    <a:pt x="12" y="20"/>
                    <a:pt x="9" y="22"/>
                  </a:cubicBezTo>
                  <a:cubicBezTo>
                    <a:pt x="5" y="24"/>
                    <a:pt x="2" y="26"/>
                    <a:pt x="0" y="27"/>
                  </a:cubicBezTo>
                  <a:lnTo>
                    <a:pt x="0" y="18"/>
                  </a:lnTo>
                  <a:cubicBezTo>
                    <a:pt x="4" y="16"/>
                    <a:pt x="9" y="13"/>
                    <a:pt x="12" y="10"/>
                  </a:cubicBezTo>
                  <a:cubicBezTo>
                    <a:pt x="16" y="6"/>
                    <a:pt x="19" y="3"/>
                    <a:pt x="20" y="0"/>
                  </a:cubicBezTo>
                  <a:lnTo>
                    <a:pt x="26" y="0"/>
                  </a:lnTo>
                  <a:lnTo>
                    <a:pt x="26" y="72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00" name="Freeform 94">
              <a:extLst>
                <a:ext uri="{FF2B5EF4-FFF2-40B4-BE49-F238E27FC236}">
                  <a16:creationId xmlns:a16="http://schemas.microsoft.com/office/drawing/2014/main" id="{5EC112E5-F279-9B44-A8B9-0D59E39B5915}"/>
                </a:ext>
              </a:extLst>
            </p:cNvPr>
            <p:cNvSpPr>
              <a:spLocks/>
            </p:cNvSpPr>
            <p:nvPr/>
          </p:nvSpPr>
          <p:spPr bwMode="auto">
            <a:xfrm>
              <a:off x="2940" y="1269"/>
              <a:ext cx="7" cy="19"/>
            </a:xfrm>
            <a:custGeom>
              <a:avLst/>
              <a:gdLst>
                <a:gd name="T0" fmla="*/ 35 w 35"/>
                <a:gd name="T1" fmla="*/ 96 h 96"/>
                <a:gd name="T2" fmla="*/ 23 w 35"/>
                <a:gd name="T3" fmla="*/ 96 h 96"/>
                <a:gd name="T4" fmla="*/ 23 w 35"/>
                <a:gd name="T5" fmla="*/ 21 h 96"/>
                <a:gd name="T6" fmla="*/ 12 w 35"/>
                <a:gd name="T7" fmla="*/ 29 h 96"/>
                <a:gd name="T8" fmla="*/ 0 w 35"/>
                <a:gd name="T9" fmla="*/ 35 h 96"/>
                <a:gd name="T10" fmla="*/ 0 w 35"/>
                <a:gd name="T11" fmla="*/ 24 h 96"/>
                <a:gd name="T12" fmla="*/ 17 w 35"/>
                <a:gd name="T13" fmla="*/ 13 h 96"/>
                <a:gd name="T14" fmla="*/ 27 w 35"/>
                <a:gd name="T15" fmla="*/ 0 h 96"/>
                <a:gd name="T16" fmla="*/ 35 w 35"/>
                <a:gd name="T17" fmla="*/ 0 h 96"/>
                <a:gd name="T18" fmla="*/ 35 w 35"/>
                <a:gd name="T19" fmla="*/ 96 h 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35" h="96">
                  <a:moveTo>
                    <a:pt x="35" y="96"/>
                  </a:moveTo>
                  <a:lnTo>
                    <a:pt x="23" y="96"/>
                  </a:lnTo>
                  <a:lnTo>
                    <a:pt x="23" y="21"/>
                  </a:lnTo>
                  <a:cubicBezTo>
                    <a:pt x="20" y="24"/>
                    <a:pt x="17" y="27"/>
                    <a:pt x="12" y="29"/>
                  </a:cubicBezTo>
                  <a:cubicBezTo>
                    <a:pt x="8" y="32"/>
                    <a:pt x="3" y="34"/>
                    <a:pt x="0" y="35"/>
                  </a:cubicBezTo>
                  <a:lnTo>
                    <a:pt x="0" y="24"/>
                  </a:lnTo>
                  <a:cubicBezTo>
                    <a:pt x="6" y="21"/>
                    <a:pt x="12" y="17"/>
                    <a:pt x="17" y="13"/>
                  </a:cubicBezTo>
                  <a:cubicBezTo>
                    <a:pt x="22" y="9"/>
                    <a:pt x="25" y="4"/>
                    <a:pt x="27" y="0"/>
                  </a:cubicBezTo>
                  <a:lnTo>
                    <a:pt x="35" y="0"/>
                  </a:lnTo>
                  <a:lnTo>
                    <a:pt x="35" y="96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01" name="Freeform 95">
              <a:extLst>
                <a:ext uri="{FF2B5EF4-FFF2-40B4-BE49-F238E27FC236}">
                  <a16:creationId xmlns:a16="http://schemas.microsoft.com/office/drawing/2014/main" id="{E89AC2C6-077F-E340-9CA6-E0F1A70FFA3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953" y="1269"/>
              <a:ext cx="12" cy="19"/>
            </a:xfrm>
            <a:custGeom>
              <a:avLst/>
              <a:gdLst>
                <a:gd name="T0" fmla="*/ 0 w 62"/>
                <a:gd name="T1" fmla="*/ 49 h 98"/>
                <a:gd name="T2" fmla="*/ 3 w 62"/>
                <a:gd name="T3" fmla="*/ 22 h 98"/>
                <a:gd name="T4" fmla="*/ 14 w 62"/>
                <a:gd name="T5" fmla="*/ 6 h 98"/>
                <a:gd name="T6" fmla="*/ 31 w 62"/>
                <a:gd name="T7" fmla="*/ 0 h 98"/>
                <a:gd name="T8" fmla="*/ 45 w 62"/>
                <a:gd name="T9" fmla="*/ 3 h 98"/>
                <a:gd name="T10" fmla="*/ 54 w 62"/>
                <a:gd name="T11" fmla="*/ 12 h 98"/>
                <a:gd name="T12" fmla="*/ 60 w 62"/>
                <a:gd name="T13" fmla="*/ 26 h 98"/>
                <a:gd name="T14" fmla="*/ 62 w 62"/>
                <a:gd name="T15" fmla="*/ 49 h 98"/>
                <a:gd name="T16" fmla="*/ 59 w 62"/>
                <a:gd name="T17" fmla="*/ 76 h 98"/>
                <a:gd name="T18" fmla="*/ 48 w 62"/>
                <a:gd name="T19" fmla="*/ 92 h 98"/>
                <a:gd name="T20" fmla="*/ 31 w 62"/>
                <a:gd name="T21" fmla="*/ 98 h 98"/>
                <a:gd name="T22" fmla="*/ 9 w 62"/>
                <a:gd name="T23" fmla="*/ 88 h 98"/>
                <a:gd name="T24" fmla="*/ 0 w 62"/>
                <a:gd name="T25" fmla="*/ 49 h 98"/>
                <a:gd name="T26" fmla="*/ 12 w 62"/>
                <a:gd name="T27" fmla="*/ 49 h 98"/>
                <a:gd name="T28" fmla="*/ 18 w 62"/>
                <a:gd name="T29" fmla="*/ 80 h 98"/>
                <a:gd name="T30" fmla="*/ 31 w 62"/>
                <a:gd name="T31" fmla="*/ 88 h 98"/>
                <a:gd name="T32" fmla="*/ 45 w 62"/>
                <a:gd name="T33" fmla="*/ 80 h 98"/>
                <a:gd name="T34" fmla="*/ 50 w 62"/>
                <a:gd name="T35" fmla="*/ 49 h 98"/>
                <a:gd name="T36" fmla="*/ 45 w 62"/>
                <a:gd name="T37" fmla="*/ 18 h 98"/>
                <a:gd name="T38" fmla="*/ 31 w 62"/>
                <a:gd name="T39" fmla="*/ 10 h 98"/>
                <a:gd name="T40" fmla="*/ 18 w 62"/>
                <a:gd name="T41" fmla="*/ 17 h 98"/>
                <a:gd name="T42" fmla="*/ 12 w 62"/>
                <a:gd name="T43" fmla="*/ 49 h 9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</a:cxnLst>
              <a:rect l="0" t="0" r="r" b="b"/>
              <a:pathLst>
                <a:path w="62" h="98">
                  <a:moveTo>
                    <a:pt x="0" y="49"/>
                  </a:moveTo>
                  <a:cubicBezTo>
                    <a:pt x="0" y="38"/>
                    <a:pt x="1" y="29"/>
                    <a:pt x="3" y="22"/>
                  </a:cubicBezTo>
                  <a:cubicBezTo>
                    <a:pt x="6" y="15"/>
                    <a:pt x="9" y="9"/>
                    <a:pt x="14" y="6"/>
                  </a:cubicBezTo>
                  <a:cubicBezTo>
                    <a:pt x="18" y="2"/>
                    <a:pt x="24" y="0"/>
                    <a:pt x="31" y="0"/>
                  </a:cubicBezTo>
                  <a:cubicBezTo>
                    <a:pt x="36" y="0"/>
                    <a:pt x="41" y="1"/>
                    <a:pt x="45" y="3"/>
                  </a:cubicBezTo>
                  <a:cubicBezTo>
                    <a:pt x="48" y="5"/>
                    <a:pt x="52" y="8"/>
                    <a:pt x="54" y="12"/>
                  </a:cubicBezTo>
                  <a:cubicBezTo>
                    <a:pt x="57" y="16"/>
                    <a:pt x="59" y="21"/>
                    <a:pt x="60" y="26"/>
                  </a:cubicBezTo>
                  <a:cubicBezTo>
                    <a:pt x="62" y="32"/>
                    <a:pt x="62" y="39"/>
                    <a:pt x="62" y="49"/>
                  </a:cubicBezTo>
                  <a:cubicBezTo>
                    <a:pt x="62" y="60"/>
                    <a:pt x="61" y="69"/>
                    <a:pt x="59" y="76"/>
                  </a:cubicBezTo>
                  <a:cubicBezTo>
                    <a:pt x="56" y="83"/>
                    <a:pt x="53" y="88"/>
                    <a:pt x="48" y="92"/>
                  </a:cubicBezTo>
                  <a:cubicBezTo>
                    <a:pt x="44" y="96"/>
                    <a:pt x="38" y="98"/>
                    <a:pt x="31" y="98"/>
                  </a:cubicBezTo>
                  <a:cubicBezTo>
                    <a:pt x="22" y="98"/>
                    <a:pt x="15" y="94"/>
                    <a:pt x="9" y="88"/>
                  </a:cubicBezTo>
                  <a:cubicBezTo>
                    <a:pt x="3" y="80"/>
                    <a:pt x="0" y="67"/>
                    <a:pt x="0" y="49"/>
                  </a:cubicBezTo>
                  <a:close/>
                  <a:moveTo>
                    <a:pt x="12" y="49"/>
                  </a:moveTo>
                  <a:cubicBezTo>
                    <a:pt x="12" y="65"/>
                    <a:pt x="14" y="75"/>
                    <a:pt x="18" y="80"/>
                  </a:cubicBezTo>
                  <a:cubicBezTo>
                    <a:pt x="21" y="85"/>
                    <a:pt x="26" y="88"/>
                    <a:pt x="31" y="88"/>
                  </a:cubicBezTo>
                  <a:cubicBezTo>
                    <a:pt x="37" y="88"/>
                    <a:pt x="41" y="85"/>
                    <a:pt x="45" y="80"/>
                  </a:cubicBezTo>
                  <a:cubicBezTo>
                    <a:pt x="48" y="75"/>
                    <a:pt x="50" y="65"/>
                    <a:pt x="50" y="49"/>
                  </a:cubicBezTo>
                  <a:cubicBezTo>
                    <a:pt x="50" y="33"/>
                    <a:pt x="48" y="23"/>
                    <a:pt x="45" y="18"/>
                  </a:cubicBezTo>
                  <a:cubicBezTo>
                    <a:pt x="41" y="12"/>
                    <a:pt x="36" y="10"/>
                    <a:pt x="31" y="10"/>
                  </a:cubicBezTo>
                  <a:cubicBezTo>
                    <a:pt x="26" y="10"/>
                    <a:pt x="21" y="12"/>
                    <a:pt x="18" y="17"/>
                  </a:cubicBezTo>
                  <a:cubicBezTo>
                    <a:pt x="14" y="23"/>
                    <a:pt x="12" y="33"/>
                    <a:pt x="12" y="49"/>
                  </a:cubicBez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02" name="Freeform 96">
              <a:extLst>
                <a:ext uri="{FF2B5EF4-FFF2-40B4-BE49-F238E27FC236}">
                  <a16:creationId xmlns:a16="http://schemas.microsoft.com/office/drawing/2014/main" id="{D9D5A147-25BC-D94E-835A-7B6246557047}"/>
                </a:ext>
              </a:extLst>
            </p:cNvPr>
            <p:cNvSpPr>
              <a:spLocks/>
            </p:cNvSpPr>
            <p:nvPr/>
          </p:nvSpPr>
          <p:spPr bwMode="auto">
            <a:xfrm>
              <a:off x="2967" y="1261"/>
              <a:ext cx="9" cy="14"/>
            </a:xfrm>
            <a:custGeom>
              <a:avLst/>
              <a:gdLst>
                <a:gd name="T0" fmla="*/ 47 w 47"/>
                <a:gd name="T1" fmla="*/ 63 h 72"/>
                <a:gd name="T2" fmla="*/ 47 w 47"/>
                <a:gd name="T3" fmla="*/ 72 h 72"/>
                <a:gd name="T4" fmla="*/ 0 w 47"/>
                <a:gd name="T5" fmla="*/ 72 h 72"/>
                <a:gd name="T6" fmla="*/ 1 w 47"/>
                <a:gd name="T7" fmla="*/ 66 h 72"/>
                <a:gd name="T8" fmla="*/ 6 w 47"/>
                <a:gd name="T9" fmla="*/ 56 h 72"/>
                <a:gd name="T10" fmla="*/ 18 w 47"/>
                <a:gd name="T11" fmla="*/ 45 h 72"/>
                <a:gd name="T12" fmla="*/ 34 w 47"/>
                <a:gd name="T13" fmla="*/ 30 h 72"/>
                <a:gd name="T14" fmla="*/ 38 w 47"/>
                <a:gd name="T15" fmla="*/ 20 h 72"/>
                <a:gd name="T16" fmla="*/ 34 w 47"/>
                <a:gd name="T17" fmla="*/ 11 h 72"/>
                <a:gd name="T18" fmla="*/ 24 w 47"/>
                <a:gd name="T19" fmla="*/ 7 h 72"/>
                <a:gd name="T20" fmla="*/ 14 w 47"/>
                <a:gd name="T21" fmla="*/ 11 h 72"/>
                <a:gd name="T22" fmla="*/ 10 w 47"/>
                <a:gd name="T23" fmla="*/ 22 h 72"/>
                <a:gd name="T24" fmla="*/ 1 w 47"/>
                <a:gd name="T25" fmla="*/ 21 h 72"/>
                <a:gd name="T26" fmla="*/ 8 w 47"/>
                <a:gd name="T27" fmla="*/ 5 h 72"/>
                <a:gd name="T28" fmla="*/ 25 w 47"/>
                <a:gd name="T29" fmla="*/ 0 h 72"/>
                <a:gd name="T30" fmla="*/ 41 w 47"/>
                <a:gd name="T31" fmla="*/ 6 h 72"/>
                <a:gd name="T32" fmla="*/ 47 w 47"/>
                <a:gd name="T33" fmla="*/ 20 h 72"/>
                <a:gd name="T34" fmla="*/ 45 w 47"/>
                <a:gd name="T35" fmla="*/ 28 h 72"/>
                <a:gd name="T36" fmla="*/ 39 w 47"/>
                <a:gd name="T37" fmla="*/ 37 h 72"/>
                <a:gd name="T38" fmla="*/ 26 w 47"/>
                <a:gd name="T39" fmla="*/ 50 h 72"/>
                <a:gd name="T40" fmla="*/ 16 w 47"/>
                <a:gd name="T41" fmla="*/ 59 h 72"/>
                <a:gd name="T42" fmla="*/ 12 w 47"/>
                <a:gd name="T43" fmla="*/ 63 h 72"/>
                <a:gd name="T44" fmla="*/ 47 w 47"/>
                <a:gd name="T45" fmla="*/ 63 h 7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47" h="72">
                  <a:moveTo>
                    <a:pt x="47" y="63"/>
                  </a:moveTo>
                  <a:lnTo>
                    <a:pt x="47" y="72"/>
                  </a:lnTo>
                  <a:lnTo>
                    <a:pt x="0" y="72"/>
                  </a:lnTo>
                  <a:cubicBezTo>
                    <a:pt x="0" y="70"/>
                    <a:pt x="0" y="68"/>
                    <a:pt x="1" y="66"/>
                  </a:cubicBezTo>
                  <a:cubicBezTo>
                    <a:pt x="2" y="63"/>
                    <a:pt x="4" y="59"/>
                    <a:pt x="6" y="56"/>
                  </a:cubicBezTo>
                  <a:cubicBezTo>
                    <a:pt x="9" y="53"/>
                    <a:pt x="13" y="49"/>
                    <a:pt x="18" y="45"/>
                  </a:cubicBezTo>
                  <a:cubicBezTo>
                    <a:pt x="26" y="39"/>
                    <a:pt x="31" y="34"/>
                    <a:pt x="34" y="30"/>
                  </a:cubicBezTo>
                  <a:cubicBezTo>
                    <a:pt x="37" y="26"/>
                    <a:pt x="38" y="23"/>
                    <a:pt x="38" y="20"/>
                  </a:cubicBezTo>
                  <a:cubicBezTo>
                    <a:pt x="38" y="16"/>
                    <a:pt x="37" y="13"/>
                    <a:pt x="34" y="11"/>
                  </a:cubicBezTo>
                  <a:cubicBezTo>
                    <a:pt x="32" y="8"/>
                    <a:pt x="28" y="7"/>
                    <a:pt x="24" y="7"/>
                  </a:cubicBezTo>
                  <a:cubicBezTo>
                    <a:pt x="20" y="7"/>
                    <a:pt x="17" y="9"/>
                    <a:pt x="14" y="11"/>
                  </a:cubicBezTo>
                  <a:cubicBezTo>
                    <a:pt x="12" y="14"/>
                    <a:pt x="10" y="17"/>
                    <a:pt x="10" y="22"/>
                  </a:cubicBezTo>
                  <a:lnTo>
                    <a:pt x="1" y="21"/>
                  </a:lnTo>
                  <a:cubicBezTo>
                    <a:pt x="2" y="14"/>
                    <a:pt x="4" y="9"/>
                    <a:pt x="8" y="5"/>
                  </a:cubicBezTo>
                  <a:cubicBezTo>
                    <a:pt x="12" y="2"/>
                    <a:pt x="18" y="0"/>
                    <a:pt x="25" y="0"/>
                  </a:cubicBezTo>
                  <a:cubicBezTo>
                    <a:pt x="31" y="0"/>
                    <a:pt x="37" y="2"/>
                    <a:pt x="41" y="6"/>
                  </a:cubicBezTo>
                  <a:cubicBezTo>
                    <a:pt x="45" y="9"/>
                    <a:pt x="47" y="14"/>
                    <a:pt x="47" y="20"/>
                  </a:cubicBezTo>
                  <a:cubicBezTo>
                    <a:pt x="47" y="23"/>
                    <a:pt x="46" y="26"/>
                    <a:pt x="45" y="28"/>
                  </a:cubicBezTo>
                  <a:cubicBezTo>
                    <a:pt x="44" y="31"/>
                    <a:pt x="42" y="34"/>
                    <a:pt x="39" y="37"/>
                  </a:cubicBezTo>
                  <a:cubicBezTo>
                    <a:pt x="37" y="40"/>
                    <a:pt x="32" y="44"/>
                    <a:pt x="26" y="50"/>
                  </a:cubicBezTo>
                  <a:cubicBezTo>
                    <a:pt x="20" y="54"/>
                    <a:pt x="17" y="57"/>
                    <a:pt x="16" y="59"/>
                  </a:cubicBezTo>
                  <a:cubicBezTo>
                    <a:pt x="14" y="60"/>
                    <a:pt x="13" y="62"/>
                    <a:pt x="12" y="63"/>
                  </a:cubicBezTo>
                  <a:lnTo>
                    <a:pt x="47" y="63"/>
                  </a:lnTo>
                  <a:close/>
                </a:path>
              </a:pathLst>
            </a:custGeom>
            <a:solidFill>
              <a:srgbClr val="00000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03" name="Line 97">
              <a:extLst>
                <a:ext uri="{FF2B5EF4-FFF2-40B4-BE49-F238E27FC236}">
                  <a16:creationId xmlns:a16="http://schemas.microsoft.com/office/drawing/2014/main" id="{F57E4541-BA9A-974F-A57C-D291C2811BA8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3796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04" name="Line 98">
              <a:extLst>
                <a:ext uri="{FF2B5EF4-FFF2-40B4-BE49-F238E27FC236}">
                  <a16:creationId xmlns:a16="http://schemas.microsoft.com/office/drawing/2014/main" id="{12C036A4-5815-844B-A4FF-543196ABBBA4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3761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05" name="Line 99">
              <a:extLst>
                <a:ext uri="{FF2B5EF4-FFF2-40B4-BE49-F238E27FC236}">
                  <a16:creationId xmlns:a16="http://schemas.microsoft.com/office/drawing/2014/main" id="{4D565162-1F5A-CA44-9C31-9A6FC706753E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3730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06" name="Line 100">
              <a:extLst>
                <a:ext uri="{FF2B5EF4-FFF2-40B4-BE49-F238E27FC236}">
                  <a16:creationId xmlns:a16="http://schemas.microsoft.com/office/drawing/2014/main" id="{37C5B3CA-6DFA-124B-AE55-484AEE515D5C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3520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07" name="Line 101">
              <a:extLst>
                <a:ext uri="{FF2B5EF4-FFF2-40B4-BE49-F238E27FC236}">
                  <a16:creationId xmlns:a16="http://schemas.microsoft.com/office/drawing/2014/main" id="{1C01AB3E-2FF3-1347-91E2-ECD8028CB67B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3413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08" name="Line 102">
              <a:extLst>
                <a:ext uri="{FF2B5EF4-FFF2-40B4-BE49-F238E27FC236}">
                  <a16:creationId xmlns:a16="http://schemas.microsoft.com/office/drawing/2014/main" id="{9B23ABC7-5E02-7745-B485-DDC3E780DD24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3337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09" name="Line 103">
              <a:extLst>
                <a:ext uri="{FF2B5EF4-FFF2-40B4-BE49-F238E27FC236}">
                  <a16:creationId xmlns:a16="http://schemas.microsoft.com/office/drawing/2014/main" id="{F1022FB4-D365-014B-9128-EB16F96DCDAD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3278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10" name="Line 104">
              <a:extLst>
                <a:ext uri="{FF2B5EF4-FFF2-40B4-BE49-F238E27FC236}">
                  <a16:creationId xmlns:a16="http://schemas.microsoft.com/office/drawing/2014/main" id="{F2F4334C-7527-B84E-ADF9-EF60B9FC1D7F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3230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11" name="Line 105">
              <a:extLst>
                <a:ext uri="{FF2B5EF4-FFF2-40B4-BE49-F238E27FC236}">
                  <a16:creationId xmlns:a16="http://schemas.microsoft.com/office/drawing/2014/main" id="{B6BAD63B-5475-394B-A234-778AA68AE62D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3190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12" name="Line 106">
              <a:extLst>
                <a:ext uri="{FF2B5EF4-FFF2-40B4-BE49-F238E27FC236}">
                  <a16:creationId xmlns:a16="http://schemas.microsoft.com/office/drawing/2014/main" id="{35EC216A-2F26-5A49-A0E8-68268AEB1DC2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3154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13" name="Line 107">
              <a:extLst>
                <a:ext uri="{FF2B5EF4-FFF2-40B4-BE49-F238E27FC236}">
                  <a16:creationId xmlns:a16="http://schemas.microsoft.com/office/drawing/2014/main" id="{72F8F322-676D-B345-9976-9DF13D1C46D3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3123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14" name="Line 108">
              <a:extLst>
                <a:ext uri="{FF2B5EF4-FFF2-40B4-BE49-F238E27FC236}">
                  <a16:creationId xmlns:a16="http://schemas.microsoft.com/office/drawing/2014/main" id="{C4429383-A720-134F-9258-8316BF063D61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2913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15" name="Line 109">
              <a:extLst>
                <a:ext uri="{FF2B5EF4-FFF2-40B4-BE49-F238E27FC236}">
                  <a16:creationId xmlns:a16="http://schemas.microsoft.com/office/drawing/2014/main" id="{F227A11D-C5CA-2B42-A7D1-1CFFB74B1F07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2806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16" name="Line 110">
              <a:extLst>
                <a:ext uri="{FF2B5EF4-FFF2-40B4-BE49-F238E27FC236}">
                  <a16:creationId xmlns:a16="http://schemas.microsoft.com/office/drawing/2014/main" id="{7515FED7-A45C-8748-B317-FD99852016C9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2730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17" name="Line 111">
              <a:extLst>
                <a:ext uri="{FF2B5EF4-FFF2-40B4-BE49-F238E27FC236}">
                  <a16:creationId xmlns:a16="http://schemas.microsoft.com/office/drawing/2014/main" id="{BB9C6DD6-E592-6546-933E-92B314AD67A2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2671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18" name="Line 112">
              <a:extLst>
                <a:ext uri="{FF2B5EF4-FFF2-40B4-BE49-F238E27FC236}">
                  <a16:creationId xmlns:a16="http://schemas.microsoft.com/office/drawing/2014/main" id="{2AD08045-D005-AD4A-948B-6E8C1EFF925F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2623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19" name="Line 113">
              <a:extLst>
                <a:ext uri="{FF2B5EF4-FFF2-40B4-BE49-F238E27FC236}">
                  <a16:creationId xmlns:a16="http://schemas.microsoft.com/office/drawing/2014/main" id="{50051852-0291-724A-9431-F916DF479080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2583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20" name="Line 114">
              <a:extLst>
                <a:ext uri="{FF2B5EF4-FFF2-40B4-BE49-F238E27FC236}">
                  <a16:creationId xmlns:a16="http://schemas.microsoft.com/office/drawing/2014/main" id="{613006F1-12E0-E84A-8708-33C781478752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2547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21" name="Line 115">
              <a:extLst>
                <a:ext uri="{FF2B5EF4-FFF2-40B4-BE49-F238E27FC236}">
                  <a16:creationId xmlns:a16="http://schemas.microsoft.com/office/drawing/2014/main" id="{1E54C122-3310-C246-B7D8-A03608E74CD4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2516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22" name="Line 116">
              <a:extLst>
                <a:ext uri="{FF2B5EF4-FFF2-40B4-BE49-F238E27FC236}">
                  <a16:creationId xmlns:a16="http://schemas.microsoft.com/office/drawing/2014/main" id="{06F558E8-F3E7-FD4A-A92A-B58197906C2D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2306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23" name="Line 117">
              <a:extLst>
                <a:ext uri="{FF2B5EF4-FFF2-40B4-BE49-F238E27FC236}">
                  <a16:creationId xmlns:a16="http://schemas.microsoft.com/office/drawing/2014/main" id="{DDF5C31C-3ECE-BB42-B850-780C57C85964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2199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24" name="Line 118">
              <a:extLst>
                <a:ext uri="{FF2B5EF4-FFF2-40B4-BE49-F238E27FC236}">
                  <a16:creationId xmlns:a16="http://schemas.microsoft.com/office/drawing/2014/main" id="{764D0B4C-CA10-E842-8D96-8C8B3F288CD2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2123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25" name="Line 119">
              <a:extLst>
                <a:ext uri="{FF2B5EF4-FFF2-40B4-BE49-F238E27FC236}">
                  <a16:creationId xmlns:a16="http://schemas.microsoft.com/office/drawing/2014/main" id="{4A825DCE-6FFE-C046-87D1-214C012C6CA0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2064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26" name="Line 120">
              <a:extLst>
                <a:ext uri="{FF2B5EF4-FFF2-40B4-BE49-F238E27FC236}">
                  <a16:creationId xmlns:a16="http://schemas.microsoft.com/office/drawing/2014/main" id="{32691B35-5DBE-D445-BB23-A787756A99AB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2016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27" name="Line 121">
              <a:extLst>
                <a:ext uri="{FF2B5EF4-FFF2-40B4-BE49-F238E27FC236}">
                  <a16:creationId xmlns:a16="http://schemas.microsoft.com/office/drawing/2014/main" id="{16C38EEC-70EA-DF4A-8CD5-6DE2F6329AE8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1975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28" name="Line 122">
              <a:extLst>
                <a:ext uri="{FF2B5EF4-FFF2-40B4-BE49-F238E27FC236}">
                  <a16:creationId xmlns:a16="http://schemas.microsoft.com/office/drawing/2014/main" id="{DCC05252-2036-3447-9F27-029EB4B48E76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1940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29" name="Line 123">
              <a:extLst>
                <a:ext uri="{FF2B5EF4-FFF2-40B4-BE49-F238E27FC236}">
                  <a16:creationId xmlns:a16="http://schemas.microsoft.com/office/drawing/2014/main" id="{342624EC-74DA-ED45-B634-1D1E24F8A0BE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1909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30" name="Line 124">
              <a:extLst>
                <a:ext uri="{FF2B5EF4-FFF2-40B4-BE49-F238E27FC236}">
                  <a16:creationId xmlns:a16="http://schemas.microsoft.com/office/drawing/2014/main" id="{F65C2CE6-559A-8042-997B-0F51BB8FFCB8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1699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31" name="Line 125">
              <a:extLst>
                <a:ext uri="{FF2B5EF4-FFF2-40B4-BE49-F238E27FC236}">
                  <a16:creationId xmlns:a16="http://schemas.microsoft.com/office/drawing/2014/main" id="{3EE7DD71-C987-8F48-A672-A965A11A6E54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1592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32" name="Line 126">
              <a:extLst>
                <a:ext uri="{FF2B5EF4-FFF2-40B4-BE49-F238E27FC236}">
                  <a16:creationId xmlns:a16="http://schemas.microsoft.com/office/drawing/2014/main" id="{122F7D91-6863-6F4A-83CE-B6664C82705B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1516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33" name="Line 127">
              <a:extLst>
                <a:ext uri="{FF2B5EF4-FFF2-40B4-BE49-F238E27FC236}">
                  <a16:creationId xmlns:a16="http://schemas.microsoft.com/office/drawing/2014/main" id="{B332931A-6EA0-DF49-B9D0-BF2D25A80DD0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1457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34" name="Line 128">
              <a:extLst>
                <a:ext uri="{FF2B5EF4-FFF2-40B4-BE49-F238E27FC236}">
                  <a16:creationId xmlns:a16="http://schemas.microsoft.com/office/drawing/2014/main" id="{6C97FCF9-92F1-BB49-9376-63EE910349FA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1409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35" name="Line 129">
              <a:extLst>
                <a:ext uri="{FF2B5EF4-FFF2-40B4-BE49-F238E27FC236}">
                  <a16:creationId xmlns:a16="http://schemas.microsoft.com/office/drawing/2014/main" id="{144E351A-C02B-8241-B5C0-A141D2F9C8D1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1368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36" name="Line 130">
              <a:extLst>
                <a:ext uri="{FF2B5EF4-FFF2-40B4-BE49-F238E27FC236}">
                  <a16:creationId xmlns:a16="http://schemas.microsoft.com/office/drawing/2014/main" id="{B4E6646C-B9E7-A244-A8C6-7F813AB9E251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1333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37" name="Line 131">
              <a:extLst>
                <a:ext uri="{FF2B5EF4-FFF2-40B4-BE49-F238E27FC236}">
                  <a16:creationId xmlns:a16="http://schemas.microsoft.com/office/drawing/2014/main" id="{89C13644-CF4B-6943-A935-EF588B206E05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2987" y="1302"/>
              <a:ext cx="4" cy="0"/>
            </a:xfrm>
            <a:prstGeom prst="line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38" name="Rectangle 132">
              <a:extLst>
                <a:ext uri="{FF2B5EF4-FFF2-40B4-BE49-F238E27FC236}">
                  <a16:creationId xmlns:a16="http://schemas.microsoft.com/office/drawing/2014/main" id="{443D8F3D-BE02-B74B-9538-D0ED1A63C6B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987" y="1177"/>
              <a:ext cx="1791" cy="2623"/>
            </a:xfrm>
            <a:prstGeom prst="rect">
              <a:avLst/>
            </a:prstGeom>
            <a:noFill/>
            <a:ln w="1588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  <p:sp>
          <p:nvSpPr>
            <p:cNvPr id="239" name="Freeform 133">
              <a:extLst>
                <a:ext uri="{FF2B5EF4-FFF2-40B4-BE49-F238E27FC236}">
                  <a16:creationId xmlns:a16="http://schemas.microsoft.com/office/drawing/2014/main" id="{4DB67C72-B7BF-5C40-AEB5-6E799F5F77CB}"/>
                </a:ext>
              </a:extLst>
            </p:cNvPr>
            <p:cNvSpPr>
              <a:spLocks/>
            </p:cNvSpPr>
            <p:nvPr/>
          </p:nvSpPr>
          <p:spPr bwMode="auto">
            <a:xfrm>
              <a:off x="3053" y="2488"/>
              <a:ext cx="1659" cy="0"/>
            </a:xfrm>
            <a:custGeom>
              <a:avLst/>
              <a:gdLst>
                <a:gd name="T0" fmla="*/ 0 w 8509"/>
                <a:gd name="T1" fmla="*/ 294 w 8509"/>
                <a:gd name="T2" fmla="*/ 587 w 8509"/>
                <a:gd name="T3" fmla="*/ 881 w 8509"/>
                <a:gd name="T4" fmla="*/ 1174 w 8509"/>
                <a:gd name="T5" fmla="*/ 1468 w 8509"/>
                <a:gd name="T6" fmla="*/ 1761 w 8509"/>
                <a:gd name="T7" fmla="*/ 2054 w 8509"/>
                <a:gd name="T8" fmla="*/ 2348 w 8509"/>
                <a:gd name="T9" fmla="*/ 2641 w 8509"/>
                <a:gd name="T10" fmla="*/ 2935 w 8509"/>
                <a:gd name="T11" fmla="*/ 3228 w 8509"/>
                <a:gd name="T12" fmla="*/ 3521 w 8509"/>
                <a:gd name="T13" fmla="*/ 3815 w 8509"/>
                <a:gd name="T14" fmla="*/ 4108 w 8509"/>
                <a:gd name="T15" fmla="*/ 4402 w 8509"/>
                <a:gd name="T16" fmla="*/ 4695 w 8509"/>
                <a:gd name="T17" fmla="*/ 4988 w 8509"/>
                <a:gd name="T18" fmla="*/ 5282 w 8509"/>
                <a:gd name="T19" fmla="*/ 5575 w 8509"/>
                <a:gd name="T20" fmla="*/ 5869 w 8509"/>
                <a:gd name="T21" fmla="*/ 6162 w 8509"/>
                <a:gd name="T22" fmla="*/ 6455 w 8509"/>
                <a:gd name="T23" fmla="*/ 6749 w 8509"/>
                <a:gd name="T24" fmla="*/ 7042 w 8509"/>
                <a:gd name="T25" fmla="*/ 7336 w 8509"/>
                <a:gd name="T26" fmla="*/ 7629 w 8509"/>
                <a:gd name="T27" fmla="*/ 7923 w 8509"/>
                <a:gd name="T28" fmla="*/ 8216 w 8509"/>
                <a:gd name="T29" fmla="*/ 8509 w 8509"/>
              </a:gdLst>
              <a:ahLst/>
              <a:cxnLst>
                <a:cxn ang="0">
                  <a:pos x="T0" y="0"/>
                </a:cxn>
                <a:cxn ang="0">
                  <a:pos x="T1" y="0"/>
                </a:cxn>
                <a:cxn ang="0">
                  <a:pos x="T2" y="0"/>
                </a:cxn>
                <a:cxn ang="0">
                  <a:pos x="T3" y="0"/>
                </a:cxn>
                <a:cxn ang="0">
                  <a:pos x="T4" y="0"/>
                </a:cxn>
                <a:cxn ang="0">
                  <a:pos x="T5" y="0"/>
                </a:cxn>
                <a:cxn ang="0">
                  <a:pos x="T6" y="0"/>
                </a:cxn>
                <a:cxn ang="0">
                  <a:pos x="T7" y="0"/>
                </a:cxn>
                <a:cxn ang="0">
                  <a:pos x="T8" y="0"/>
                </a:cxn>
                <a:cxn ang="0">
                  <a:pos x="T9" y="0"/>
                </a:cxn>
                <a:cxn ang="0">
                  <a:pos x="T10" y="0"/>
                </a:cxn>
                <a:cxn ang="0">
                  <a:pos x="T11" y="0"/>
                </a:cxn>
                <a:cxn ang="0">
                  <a:pos x="T12" y="0"/>
                </a:cxn>
                <a:cxn ang="0">
                  <a:pos x="T13" y="0"/>
                </a:cxn>
                <a:cxn ang="0">
                  <a:pos x="T14" y="0"/>
                </a:cxn>
                <a:cxn ang="0">
                  <a:pos x="T15" y="0"/>
                </a:cxn>
                <a:cxn ang="0">
                  <a:pos x="T16" y="0"/>
                </a:cxn>
                <a:cxn ang="0">
                  <a:pos x="T17" y="0"/>
                </a:cxn>
                <a:cxn ang="0">
                  <a:pos x="T18" y="0"/>
                </a:cxn>
                <a:cxn ang="0">
                  <a:pos x="T19" y="0"/>
                </a:cxn>
                <a:cxn ang="0">
                  <a:pos x="T20" y="0"/>
                </a:cxn>
                <a:cxn ang="0">
                  <a:pos x="T21" y="0"/>
                </a:cxn>
                <a:cxn ang="0">
                  <a:pos x="T22" y="0"/>
                </a:cxn>
                <a:cxn ang="0">
                  <a:pos x="T23" y="0"/>
                </a:cxn>
                <a:cxn ang="0">
                  <a:pos x="T24" y="0"/>
                </a:cxn>
                <a:cxn ang="0">
                  <a:pos x="T25" y="0"/>
                </a:cxn>
                <a:cxn ang="0">
                  <a:pos x="T26" y="0"/>
                </a:cxn>
                <a:cxn ang="0">
                  <a:pos x="T27" y="0"/>
                </a:cxn>
                <a:cxn ang="0">
                  <a:pos x="T28" y="0"/>
                </a:cxn>
                <a:cxn ang="0">
                  <a:pos x="T29" y="0"/>
                </a:cxn>
              </a:cxnLst>
              <a:rect l="0" t="0" r="r" b="b"/>
              <a:pathLst>
                <a:path w="8509">
                  <a:moveTo>
                    <a:pt x="0" y="0"/>
                  </a:moveTo>
                  <a:lnTo>
                    <a:pt x="294" y="0"/>
                  </a:lnTo>
                  <a:lnTo>
                    <a:pt x="587" y="0"/>
                  </a:lnTo>
                  <a:lnTo>
                    <a:pt x="881" y="0"/>
                  </a:lnTo>
                  <a:lnTo>
                    <a:pt x="1174" y="0"/>
                  </a:lnTo>
                  <a:lnTo>
                    <a:pt x="1468" y="0"/>
                  </a:lnTo>
                  <a:lnTo>
                    <a:pt x="1761" y="0"/>
                  </a:lnTo>
                  <a:lnTo>
                    <a:pt x="2054" y="0"/>
                  </a:lnTo>
                  <a:lnTo>
                    <a:pt x="2348" y="0"/>
                  </a:lnTo>
                  <a:lnTo>
                    <a:pt x="2641" y="0"/>
                  </a:lnTo>
                  <a:lnTo>
                    <a:pt x="2935" y="0"/>
                  </a:lnTo>
                  <a:lnTo>
                    <a:pt x="3228" y="0"/>
                  </a:lnTo>
                  <a:lnTo>
                    <a:pt x="3521" y="0"/>
                  </a:lnTo>
                  <a:lnTo>
                    <a:pt x="3815" y="0"/>
                  </a:lnTo>
                  <a:lnTo>
                    <a:pt x="4108" y="0"/>
                  </a:lnTo>
                  <a:lnTo>
                    <a:pt x="4402" y="0"/>
                  </a:lnTo>
                  <a:lnTo>
                    <a:pt x="4695" y="0"/>
                  </a:lnTo>
                  <a:lnTo>
                    <a:pt x="4988" y="0"/>
                  </a:lnTo>
                  <a:lnTo>
                    <a:pt x="5282" y="0"/>
                  </a:lnTo>
                  <a:lnTo>
                    <a:pt x="5575" y="0"/>
                  </a:lnTo>
                  <a:lnTo>
                    <a:pt x="5869" y="0"/>
                  </a:lnTo>
                  <a:lnTo>
                    <a:pt x="6162" y="0"/>
                  </a:lnTo>
                  <a:lnTo>
                    <a:pt x="6455" y="0"/>
                  </a:lnTo>
                  <a:lnTo>
                    <a:pt x="6749" y="0"/>
                  </a:lnTo>
                  <a:lnTo>
                    <a:pt x="7042" y="0"/>
                  </a:lnTo>
                  <a:lnTo>
                    <a:pt x="7336" y="0"/>
                  </a:lnTo>
                  <a:lnTo>
                    <a:pt x="7629" y="0"/>
                  </a:lnTo>
                  <a:lnTo>
                    <a:pt x="7923" y="0"/>
                  </a:lnTo>
                  <a:lnTo>
                    <a:pt x="8216" y="0"/>
                  </a:lnTo>
                  <a:lnTo>
                    <a:pt x="8509" y="0"/>
                  </a:lnTo>
                </a:path>
              </a:pathLst>
            </a:custGeom>
            <a:noFill/>
            <a:ln w="50800" cap="rnd">
              <a:solidFill>
                <a:srgbClr val="000000"/>
              </a:solidFill>
              <a:prstDash val="solid"/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200"/>
            </a:p>
          </p:txBody>
        </p:sp>
      </p:grpSp>
      <p:sp>
        <p:nvSpPr>
          <p:cNvPr id="6" name="Rectangle 5">
            <a:extLst>
              <a:ext uri="{FF2B5EF4-FFF2-40B4-BE49-F238E27FC236}">
                <a16:creationId xmlns:a16="http://schemas.microsoft.com/office/drawing/2014/main" id="{C86B5996-3D0A-FD40-8BF1-EE814EA4238B}"/>
              </a:ext>
            </a:extLst>
          </p:cNvPr>
          <p:cNvSpPr/>
          <p:nvPr/>
        </p:nvSpPr>
        <p:spPr bwMode="auto">
          <a:xfrm>
            <a:off x="1196384" y="101031"/>
            <a:ext cx="4550229" cy="1828799"/>
          </a:xfrm>
          <a:prstGeom prst="rect">
            <a:avLst/>
          </a:prstGeom>
          <a:noFill/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cxnSp>
        <p:nvCxnSpPr>
          <p:cNvPr id="243" name="Straight Connector 242">
            <a:extLst>
              <a:ext uri="{FF2B5EF4-FFF2-40B4-BE49-F238E27FC236}">
                <a16:creationId xmlns:a16="http://schemas.microsoft.com/office/drawing/2014/main" id="{D39216EC-3A43-9F4D-B6AD-4169B849CEAE}"/>
              </a:ext>
            </a:extLst>
          </p:cNvPr>
          <p:cNvCxnSpPr/>
          <p:nvPr/>
        </p:nvCxnSpPr>
        <p:spPr bwMode="auto">
          <a:xfrm flipV="1">
            <a:off x="1403133" y="1859457"/>
            <a:ext cx="0" cy="72008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44" name="Straight Connector 243">
            <a:extLst>
              <a:ext uri="{FF2B5EF4-FFF2-40B4-BE49-F238E27FC236}">
                <a16:creationId xmlns:a16="http://schemas.microsoft.com/office/drawing/2014/main" id="{55117A23-D001-854C-800C-FC968055B090}"/>
              </a:ext>
            </a:extLst>
          </p:cNvPr>
          <p:cNvCxnSpPr/>
          <p:nvPr/>
        </p:nvCxnSpPr>
        <p:spPr bwMode="auto">
          <a:xfrm flipV="1">
            <a:off x="2745536" y="1866002"/>
            <a:ext cx="0" cy="72008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45" name="Straight Connector 244">
            <a:extLst>
              <a:ext uri="{FF2B5EF4-FFF2-40B4-BE49-F238E27FC236}">
                <a16:creationId xmlns:a16="http://schemas.microsoft.com/office/drawing/2014/main" id="{780470DF-4370-F547-9F23-459AA96649A8}"/>
              </a:ext>
            </a:extLst>
          </p:cNvPr>
          <p:cNvCxnSpPr/>
          <p:nvPr/>
        </p:nvCxnSpPr>
        <p:spPr bwMode="auto">
          <a:xfrm flipV="1">
            <a:off x="4169708" y="1866002"/>
            <a:ext cx="0" cy="72008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46" name="Straight Connector 245">
            <a:extLst>
              <a:ext uri="{FF2B5EF4-FFF2-40B4-BE49-F238E27FC236}">
                <a16:creationId xmlns:a16="http://schemas.microsoft.com/office/drawing/2014/main" id="{B35C43B9-47CC-DD48-BEAB-5BE43A3CE451}"/>
              </a:ext>
            </a:extLst>
          </p:cNvPr>
          <p:cNvCxnSpPr>
            <a:cxnSpLocks/>
          </p:cNvCxnSpPr>
          <p:nvPr/>
        </p:nvCxnSpPr>
        <p:spPr bwMode="auto">
          <a:xfrm flipV="1">
            <a:off x="5550536" y="1863849"/>
            <a:ext cx="0" cy="61709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49" name="Freeform 248">
            <a:extLst>
              <a:ext uri="{FF2B5EF4-FFF2-40B4-BE49-F238E27FC236}">
                <a16:creationId xmlns:a16="http://schemas.microsoft.com/office/drawing/2014/main" id="{6A73ADA8-798C-C440-8A21-34BCF8D8F1E2}"/>
              </a:ext>
            </a:extLst>
          </p:cNvPr>
          <p:cNvSpPr/>
          <p:nvPr/>
        </p:nvSpPr>
        <p:spPr bwMode="auto">
          <a:xfrm>
            <a:off x="1403648" y="203792"/>
            <a:ext cx="4133088" cy="1581912"/>
          </a:xfrm>
          <a:custGeom>
            <a:avLst/>
            <a:gdLst>
              <a:gd name="connsiteX0" fmla="*/ 0 w 4133088"/>
              <a:gd name="connsiteY0" fmla="*/ 0 h 1581912"/>
              <a:gd name="connsiteX1" fmla="*/ 210312 w 4133088"/>
              <a:gd name="connsiteY1" fmla="*/ 521208 h 1581912"/>
              <a:gd name="connsiteX2" fmla="*/ 566928 w 4133088"/>
              <a:gd name="connsiteY2" fmla="*/ 950976 h 1581912"/>
              <a:gd name="connsiteX3" fmla="*/ 1014984 w 4133088"/>
              <a:gd name="connsiteY3" fmla="*/ 1216152 h 1581912"/>
              <a:gd name="connsiteX4" fmla="*/ 1545336 w 4133088"/>
              <a:gd name="connsiteY4" fmla="*/ 1371600 h 1581912"/>
              <a:gd name="connsiteX5" fmla="*/ 2231136 w 4133088"/>
              <a:gd name="connsiteY5" fmla="*/ 1481328 h 1581912"/>
              <a:gd name="connsiteX6" fmla="*/ 3127248 w 4133088"/>
              <a:gd name="connsiteY6" fmla="*/ 1536192 h 1581912"/>
              <a:gd name="connsiteX7" fmla="*/ 4133088 w 4133088"/>
              <a:gd name="connsiteY7" fmla="*/ 1581912 h 158191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4133088" h="1581912">
                <a:moveTo>
                  <a:pt x="0" y="0"/>
                </a:moveTo>
                <a:cubicBezTo>
                  <a:pt x="57912" y="181356"/>
                  <a:pt x="115824" y="362712"/>
                  <a:pt x="210312" y="521208"/>
                </a:cubicBezTo>
                <a:cubicBezTo>
                  <a:pt x="304800" y="679704"/>
                  <a:pt x="432816" y="835152"/>
                  <a:pt x="566928" y="950976"/>
                </a:cubicBezTo>
                <a:cubicBezTo>
                  <a:pt x="701040" y="1066800"/>
                  <a:pt x="851916" y="1146048"/>
                  <a:pt x="1014984" y="1216152"/>
                </a:cubicBezTo>
                <a:cubicBezTo>
                  <a:pt x="1178052" y="1286256"/>
                  <a:pt x="1342644" y="1327404"/>
                  <a:pt x="1545336" y="1371600"/>
                </a:cubicBezTo>
                <a:cubicBezTo>
                  <a:pt x="1748028" y="1415796"/>
                  <a:pt x="1967484" y="1453896"/>
                  <a:pt x="2231136" y="1481328"/>
                </a:cubicBezTo>
                <a:cubicBezTo>
                  <a:pt x="2494788" y="1508760"/>
                  <a:pt x="3127248" y="1536192"/>
                  <a:pt x="3127248" y="1536192"/>
                </a:cubicBezTo>
                <a:lnTo>
                  <a:pt x="4133088" y="1581912"/>
                </a:lnTo>
              </a:path>
            </a:pathLst>
          </a:custGeom>
          <a:noFill/>
          <a:ln w="50800" cap="flat" cmpd="sng" algn="ctr">
            <a:solidFill>
              <a:schemeClr val="tx2">
                <a:lumMod val="75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255" name="TextBox 254">
            <a:extLst>
              <a:ext uri="{FF2B5EF4-FFF2-40B4-BE49-F238E27FC236}">
                <a16:creationId xmlns:a16="http://schemas.microsoft.com/office/drawing/2014/main" id="{410D29DA-FA96-944B-B603-EB40FDB0D5A2}"/>
              </a:ext>
            </a:extLst>
          </p:cNvPr>
          <p:cNvSpPr txBox="1"/>
          <p:nvPr/>
        </p:nvSpPr>
        <p:spPr>
          <a:xfrm>
            <a:off x="2420696" y="2006410"/>
            <a:ext cx="191328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/>
              <a:t>Fishing mortality</a:t>
            </a:r>
          </a:p>
        </p:txBody>
      </p:sp>
      <p:sp>
        <p:nvSpPr>
          <p:cNvPr id="256" name="TextBox 255">
            <a:extLst>
              <a:ext uri="{FF2B5EF4-FFF2-40B4-BE49-F238E27FC236}">
                <a16:creationId xmlns:a16="http://schemas.microsoft.com/office/drawing/2014/main" id="{6CD09809-1AF3-5943-A1AD-C22DD7DF3A29}"/>
              </a:ext>
            </a:extLst>
          </p:cNvPr>
          <p:cNvSpPr txBox="1"/>
          <p:nvPr/>
        </p:nvSpPr>
        <p:spPr>
          <a:xfrm>
            <a:off x="290690" y="133516"/>
            <a:ext cx="934871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400" dirty="0">
                <a:solidFill>
                  <a:schemeClr val="tx2"/>
                </a:solidFill>
              </a:rPr>
              <a:t>Biomass</a:t>
            </a:r>
          </a:p>
        </p:txBody>
      </p:sp>
      <p:grpSp>
        <p:nvGrpSpPr>
          <p:cNvPr id="259" name="Group 258">
            <a:extLst>
              <a:ext uri="{FF2B5EF4-FFF2-40B4-BE49-F238E27FC236}">
                <a16:creationId xmlns:a16="http://schemas.microsoft.com/office/drawing/2014/main" id="{FDEE28B9-C6A2-5C4A-B736-F14D84248CE2}"/>
              </a:ext>
            </a:extLst>
          </p:cNvPr>
          <p:cNvGrpSpPr/>
          <p:nvPr/>
        </p:nvGrpSpPr>
        <p:grpSpPr>
          <a:xfrm>
            <a:off x="596701" y="193505"/>
            <a:ext cx="4930891" cy="1664570"/>
            <a:chOff x="1991117" y="136017"/>
            <a:chExt cx="4930891" cy="1664570"/>
          </a:xfrm>
        </p:grpSpPr>
        <p:sp>
          <p:nvSpPr>
            <p:cNvPr id="252" name="Freeform 251">
              <a:extLst>
                <a:ext uri="{FF2B5EF4-FFF2-40B4-BE49-F238E27FC236}">
                  <a16:creationId xmlns:a16="http://schemas.microsoft.com/office/drawing/2014/main" id="{16812152-95C6-8A4B-A931-8A40A34E62BE}"/>
                </a:ext>
              </a:extLst>
            </p:cNvPr>
            <p:cNvSpPr/>
            <p:nvPr/>
          </p:nvSpPr>
          <p:spPr bwMode="auto">
            <a:xfrm>
              <a:off x="2788920" y="136017"/>
              <a:ext cx="4133088" cy="1628775"/>
            </a:xfrm>
            <a:custGeom>
              <a:avLst/>
              <a:gdLst>
                <a:gd name="connsiteX0" fmla="*/ 0 w 4133088"/>
                <a:gd name="connsiteY0" fmla="*/ 1628775 h 1628775"/>
                <a:gd name="connsiteX1" fmla="*/ 265176 w 4133088"/>
                <a:gd name="connsiteY1" fmla="*/ 1281303 h 1628775"/>
                <a:gd name="connsiteX2" fmla="*/ 576072 w 4133088"/>
                <a:gd name="connsiteY2" fmla="*/ 970407 h 1628775"/>
                <a:gd name="connsiteX3" fmla="*/ 1133856 w 4133088"/>
                <a:gd name="connsiteY3" fmla="*/ 595503 h 1628775"/>
                <a:gd name="connsiteX4" fmla="*/ 1737360 w 4133088"/>
                <a:gd name="connsiteY4" fmla="*/ 348615 h 1628775"/>
                <a:gd name="connsiteX5" fmla="*/ 2331720 w 4133088"/>
                <a:gd name="connsiteY5" fmla="*/ 202311 h 1628775"/>
                <a:gd name="connsiteX6" fmla="*/ 2770632 w 4133088"/>
                <a:gd name="connsiteY6" fmla="*/ 101727 h 1628775"/>
                <a:gd name="connsiteX7" fmla="*/ 3328416 w 4133088"/>
                <a:gd name="connsiteY7" fmla="*/ 10287 h 1628775"/>
                <a:gd name="connsiteX8" fmla="*/ 3822192 w 4133088"/>
                <a:gd name="connsiteY8" fmla="*/ 1143 h 1628775"/>
                <a:gd name="connsiteX9" fmla="*/ 4133088 w 4133088"/>
                <a:gd name="connsiteY9" fmla="*/ 1143 h 16287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4133088" h="1628775">
                  <a:moveTo>
                    <a:pt x="0" y="1628775"/>
                  </a:moveTo>
                  <a:cubicBezTo>
                    <a:pt x="84582" y="1509903"/>
                    <a:pt x="169164" y="1391031"/>
                    <a:pt x="265176" y="1281303"/>
                  </a:cubicBezTo>
                  <a:cubicBezTo>
                    <a:pt x="361188" y="1171575"/>
                    <a:pt x="431292" y="1084707"/>
                    <a:pt x="576072" y="970407"/>
                  </a:cubicBezTo>
                  <a:cubicBezTo>
                    <a:pt x="720852" y="856107"/>
                    <a:pt x="940308" y="699135"/>
                    <a:pt x="1133856" y="595503"/>
                  </a:cubicBezTo>
                  <a:cubicBezTo>
                    <a:pt x="1327404" y="491871"/>
                    <a:pt x="1537716" y="414147"/>
                    <a:pt x="1737360" y="348615"/>
                  </a:cubicBezTo>
                  <a:cubicBezTo>
                    <a:pt x="1937004" y="283083"/>
                    <a:pt x="2331720" y="202311"/>
                    <a:pt x="2331720" y="202311"/>
                  </a:cubicBezTo>
                  <a:cubicBezTo>
                    <a:pt x="2503932" y="161163"/>
                    <a:pt x="2604516" y="133731"/>
                    <a:pt x="2770632" y="101727"/>
                  </a:cubicBezTo>
                  <a:cubicBezTo>
                    <a:pt x="2936748" y="69723"/>
                    <a:pt x="3153156" y="27051"/>
                    <a:pt x="3328416" y="10287"/>
                  </a:cubicBezTo>
                  <a:cubicBezTo>
                    <a:pt x="3503676" y="-6477"/>
                    <a:pt x="3688080" y="2667"/>
                    <a:pt x="3822192" y="1143"/>
                  </a:cubicBezTo>
                  <a:cubicBezTo>
                    <a:pt x="3956304" y="-381"/>
                    <a:pt x="4044696" y="381"/>
                    <a:pt x="4133088" y="1143"/>
                  </a:cubicBezTo>
                </a:path>
              </a:pathLst>
            </a:custGeom>
            <a:noFill/>
            <a:ln w="50800" cap="flat" cmpd="sng" algn="ctr">
              <a:solidFill>
                <a:schemeClr val="accent4">
                  <a:lumMod val="75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1" fontAlgn="base" latinLnBrk="0" hangingPunct="1">
                <a:lnSpc>
                  <a:spcPct val="100000"/>
                </a:lnSpc>
                <a:spcBef>
                  <a:spcPct val="5000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GB" sz="1600" b="0" i="0" u="none" strike="noStrike" cap="none" normalizeH="0" baseline="0">
                <a:ln>
                  <a:noFill/>
                </a:ln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80" charset="-128"/>
              </a:endParaRPr>
            </a:p>
          </p:txBody>
        </p:sp>
        <p:sp>
          <p:nvSpPr>
            <p:cNvPr id="257" name="TextBox 256">
              <a:extLst>
                <a:ext uri="{FF2B5EF4-FFF2-40B4-BE49-F238E27FC236}">
                  <a16:creationId xmlns:a16="http://schemas.microsoft.com/office/drawing/2014/main" id="{C3C784D0-E583-2848-9A57-CE9FEA9F3F19}"/>
                </a:ext>
              </a:extLst>
            </p:cNvPr>
            <p:cNvSpPr txBox="1"/>
            <p:nvPr/>
          </p:nvSpPr>
          <p:spPr>
            <a:xfrm>
              <a:off x="1991117" y="1492810"/>
              <a:ext cx="614271" cy="307777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1400" dirty="0">
                  <a:solidFill>
                    <a:schemeClr val="accent4">
                      <a:lumMod val="75000"/>
                    </a:schemeClr>
                  </a:solidFill>
                </a:rPr>
                <a:t>Yield</a:t>
              </a:r>
            </a:p>
          </p:txBody>
        </p:sp>
      </p:grpSp>
      <p:sp>
        <p:nvSpPr>
          <p:cNvPr id="258" name="TextBox 257">
            <a:extLst>
              <a:ext uri="{FF2B5EF4-FFF2-40B4-BE49-F238E27FC236}">
                <a16:creationId xmlns:a16="http://schemas.microsoft.com/office/drawing/2014/main" id="{1CFFE7CB-F4C7-2747-AB09-F091E91F8675}"/>
              </a:ext>
            </a:extLst>
          </p:cNvPr>
          <p:cNvSpPr txBox="1"/>
          <p:nvPr/>
        </p:nvSpPr>
        <p:spPr>
          <a:xfrm>
            <a:off x="3983041" y="876116"/>
            <a:ext cx="1460721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400" dirty="0">
                <a:solidFill>
                  <a:schemeClr val="tx2">
                    <a:lumMod val="60000"/>
                    <a:lumOff val="40000"/>
                  </a:schemeClr>
                </a:solidFill>
              </a:rPr>
              <a:t>Fraction &lt; </a:t>
            </a:r>
            <a:r>
              <a:rPr lang="en-GB" sz="1400" dirty="0" err="1">
                <a:solidFill>
                  <a:schemeClr val="tx2">
                    <a:lumMod val="60000"/>
                    <a:lumOff val="40000"/>
                  </a:schemeClr>
                </a:solidFill>
              </a:rPr>
              <a:t>F</a:t>
            </a:r>
            <a:r>
              <a:rPr lang="en-GB" sz="1400" baseline="-25000" dirty="0" err="1">
                <a:solidFill>
                  <a:schemeClr val="tx2">
                    <a:lumMod val="60000"/>
                    <a:lumOff val="40000"/>
                  </a:schemeClr>
                </a:solidFill>
              </a:rPr>
              <a:t>lim</a:t>
            </a:r>
            <a:endParaRPr lang="en-GB" sz="1400" baseline="-25000" dirty="0">
              <a:solidFill>
                <a:schemeClr val="tx2">
                  <a:lumMod val="60000"/>
                  <a:lumOff val="40000"/>
                </a:schemeClr>
              </a:solidFill>
            </a:endParaRPr>
          </a:p>
        </p:txBody>
      </p:sp>
      <p:cxnSp>
        <p:nvCxnSpPr>
          <p:cNvPr id="261" name="Straight Connector 260">
            <a:extLst>
              <a:ext uri="{FF2B5EF4-FFF2-40B4-BE49-F238E27FC236}">
                <a16:creationId xmlns:a16="http://schemas.microsoft.com/office/drawing/2014/main" id="{ED5C2252-915A-3E44-B3E7-AF096E372D53}"/>
              </a:ext>
            </a:extLst>
          </p:cNvPr>
          <p:cNvCxnSpPr>
            <a:cxnSpLocks/>
          </p:cNvCxnSpPr>
          <p:nvPr/>
        </p:nvCxnSpPr>
        <p:spPr bwMode="auto">
          <a:xfrm>
            <a:off x="1196384" y="1859457"/>
            <a:ext cx="78051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64" name="Straight Connector 263">
            <a:extLst>
              <a:ext uri="{FF2B5EF4-FFF2-40B4-BE49-F238E27FC236}">
                <a16:creationId xmlns:a16="http://schemas.microsoft.com/office/drawing/2014/main" id="{91D89AFB-ADF0-4346-8B17-095245D1D7A8}"/>
              </a:ext>
            </a:extLst>
          </p:cNvPr>
          <p:cNvCxnSpPr>
            <a:cxnSpLocks/>
          </p:cNvCxnSpPr>
          <p:nvPr/>
        </p:nvCxnSpPr>
        <p:spPr bwMode="auto">
          <a:xfrm>
            <a:off x="1196384" y="1016606"/>
            <a:ext cx="78051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cxnSp>
        <p:nvCxnSpPr>
          <p:cNvPr id="266" name="Straight Connector 265">
            <a:extLst>
              <a:ext uri="{FF2B5EF4-FFF2-40B4-BE49-F238E27FC236}">
                <a16:creationId xmlns:a16="http://schemas.microsoft.com/office/drawing/2014/main" id="{FA0B1796-3C4E-BB4E-BB46-742FFB2A7CE9}"/>
              </a:ext>
            </a:extLst>
          </p:cNvPr>
          <p:cNvCxnSpPr>
            <a:cxnSpLocks/>
          </p:cNvCxnSpPr>
          <p:nvPr/>
        </p:nvCxnSpPr>
        <p:spPr bwMode="auto">
          <a:xfrm>
            <a:off x="1196384" y="204314"/>
            <a:ext cx="78051" cy="0"/>
          </a:xfrm>
          <a:prstGeom prst="line">
            <a:avLst/>
          </a:prstGeom>
          <a:solidFill>
            <a:schemeClr val="accent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cxnSp>
      <p:sp>
        <p:nvSpPr>
          <p:cNvPr id="268" name="TextBox 267">
            <a:extLst>
              <a:ext uri="{FF2B5EF4-FFF2-40B4-BE49-F238E27FC236}">
                <a16:creationId xmlns:a16="http://schemas.microsoft.com/office/drawing/2014/main" id="{71F0C7AE-BB7F-DD42-B128-403F20AE90A0}"/>
              </a:ext>
            </a:extLst>
          </p:cNvPr>
          <p:cNvSpPr txBox="1"/>
          <p:nvPr/>
        </p:nvSpPr>
        <p:spPr>
          <a:xfrm>
            <a:off x="1261908" y="1888465"/>
            <a:ext cx="28245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 dirty="0"/>
              <a:t>0</a:t>
            </a:r>
            <a:endParaRPr lang="en-GB" dirty="0"/>
          </a:p>
        </p:txBody>
      </p:sp>
      <p:sp>
        <p:nvSpPr>
          <p:cNvPr id="269" name="TextBox 268">
            <a:extLst>
              <a:ext uri="{FF2B5EF4-FFF2-40B4-BE49-F238E27FC236}">
                <a16:creationId xmlns:a16="http://schemas.microsoft.com/office/drawing/2014/main" id="{D63DA61C-4030-8845-B18F-ACE258494BC1}"/>
              </a:ext>
            </a:extLst>
          </p:cNvPr>
          <p:cNvSpPr txBox="1"/>
          <p:nvPr/>
        </p:nvSpPr>
        <p:spPr>
          <a:xfrm>
            <a:off x="2604311" y="1887538"/>
            <a:ext cx="28245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 dirty="0"/>
              <a:t>1</a:t>
            </a:r>
            <a:endParaRPr lang="en-GB" dirty="0"/>
          </a:p>
        </p:txBody>
      </p:sp>
      <p:sp>
        <p:nvSpPr>
          <p:cNvPr id="270" name="TextBox 269">
            <a:extLst>
              <a:ext uri="{FF2B5EF4-FFF2-40B4-BE49-F238E27FC236}">
                <a16:creationId xmlns:a16="http://schemas.microsoft.com/office/drawing/2014/main" id="{E9C0CF17-CEE1-9C4F-97B5-CB7544A2194A}"/>
              </a:ext>
            </a:extLst>
          </p:cNvPr>
          <p:cNvSpPr txBox="1"/>
          <p:nvPr/>
        </p:nvSpPr>
        <p:spPr>
          <a:xfrm>
            <a:off x="4032003" y="1871219"/>
            <a:ext cx="28245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 dirty="0"/>
              <a:t>2</a:t>
            </a:r>
            <a:endParaRPr lang="en-GB" dirty="0"/>
          </a:p>
        </p:txBody>
      </p:sp>
      <p:sp>
        <p:nvSpPr>
          <p:cNvPr id="271" name="TextBox 270">
            <a:extLst>
              <a:ext uri="{FF2B5EF4-FFF2-40B4-BE49-F238E27FC236}">
                <a16:creationId xmlns:a16="http://schemas.microsoft.com/office/drawing/2014/main" id="{5F1F2453-30AE-2A46-93F9-2EBA44904B82}"/>
              </a:ext>
            </a:extLst>
          </p:cNvPr>
          <p:cNvSpPr txBox="1"/>
          <p:nvPr/>
        </p:nvSpPr>
        <p:spPr>
          <a:xfrm>
            <a:off x="5409311" y="1887537"/>
            <a:ext cx="28245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 dirty="0"/>
              <a:t>3</a:t>
            </a:r>
            <a:endParaRPr lang="en-GB" dirty="0"/>
          </a:p>
        </p:txBody>
      </p:sp>
      <p:sp>
        <p:nvSpPr>
          <p:cNvPr id="275" name="TextBox 274">
            <a:extLst>
              <a:ext uri="{FF2B5EF4-FFF2-40B4-BE49-F238E27FC236}">
                <a16:creationId xmlns:a16="http://schemas.microsoft.com/office/drawing/2014/main" id="{C5C2A4DE-ED12-B541-B32E-042CA1E61E69}"/>
              </a:ext>
            </a:extLst>
          </p:cNvPr>
          <p:cNvSpPr txBox="1"/>
          <p:nvPr/>
        </p:nvSpPr>
        <p:spPr>
          <a:xfrm>
            <a:off x="881676" y="2634180"/>
            <a:ext cx="380232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 dirty="0"/>
              <a:t>10</a:t>
            </a:r>
          </a:p>
        </p:txBody>
      </p:sp>
      <p:sp>
        <p:nvSpPr>
          <p:cNvPr id="276" name="TextBox 275">
            <a:extLst>
              <a:ext uri="{FF2B5EF4-FFF2-40B4-BE49-F238E27FC236}">
                <a16:creationId xmlns:a16="http://schemas.microsoft.com/office/drawing/2014/main" id="{BC63388F-F361-F643-A618-5EAA6DBDBE41}"/>
              </a:ext>
            </a:extLst>
          </p:cNvPr>
          <p:cNvSpPr txBox="1"/>
          <p:nvPr/>
        </p:nvSpPr>
        <p:spPr>
          <a:xfrm>
            <a:off x="979458" y="2951929"/>
            <a:ext cx="28245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 dirty="0"/>
              <a:t>1</a:t>
            </a:r>
          </a:p>
        </p:txBody>
      </p:sp>
      <p:sp>
        <p:nvSpPr>
          <p:cNvPr id="277" name="TextBox 276">
            <a:extLst>
              <a:ext uri="{FF2B5EF4-FFF2-40B4-BE49-F238E27FC236}">
                <a16:creationId xmlns:a16="http://schemas.microsoft.com/office/drawing/2014/main" id="{CB0A51BC-7D8A-DC4D-8AE2-A06FD4FE5CCF}"/>
              </a:ext>
            </a:extLst>
          </p:cNvPr>
          <p:cNvSpPr txBox="1"/>
          <p:nvPr/>
        </p:nvSpPr>
        <p:spPr>
          <a:xfrm>
            <a:off x="836900" y="3275684"/>
            <a:ext cx="436338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200" dirty="0"/>
              <a:t>0.1</a:t>
            </a:r>
          </a:p>
        </p:txBody>
      </p:sp>
      <p:grpSp>
        <p:nvGrpSpPr>
          <p:cNvPr id="278" name="Group 277">
            <a:extLst>
              <a:ext uri="{FF2B5EF4-FFF2-40B4-BE49-F238E27FC236}">
                <a16:creationId xmlns:a16="http://schemas.microsoft.com/office/drawing/2014/main" id="{B7918DB3-9134-8A47-9EE6-0D3AB234A7D0}"/>
              </a:ext>
            </a:extLst>
          </p:cNvPr>
          <p:cNvGrpSpPr/>
          <p:nvPr/>
        </p:nvGrpSpPr>
        <p:grpSpPr>
          <a:xfrm>
            <a:off x="1319784" y="3632939"/>
            <a:ext cx="5072312" cy="1250156"/>
            <a:chOff x="1641379" y="-551245"/>
            <a:chExt cx="9017442" cy="2222500"/>
          </a:xfrm>
        </p:grpSpPr>
        <p:pic>
          <p:nvPicPr>
            <p:cNvPr id="279" name="Picture 278" descr="Herring.png">
              <a:extLst>
                <a:ext uri="{FF2B5EF4-FFF2-40B4-BE49-F238E27FC236}">
                  <a16:creationId xmlns:a16="http://schemas.microsoft.com/office/drawing/2014/main" id="{3B273FC5-9D1F-D94E-A808-0EAF71867AE1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221526" y="308865"/>
              <a:ext cx="1676288" cy="609559"/>
            </a:xfrm>
            <a:prstGeom prst="rect">
              <a:avLst/>
            </a:prstGeom>
          </p:spPr>
        </p:pic>
        <p:pic>
          <p:nvPicPr>
            <p:cNvPr id="280" name="Picture 279" descr="Sprat.png">
              <a:extLst>
                <a:ext uri="{FF2B5EF4-FFF2-40B4-BE49-F238E27FC236}">
                  <a16:creationId xmlns:a16="http://schemas.microsoft.com/office/drawing/2014/main" id="{5ACE1018-2A8D-464F-9CCA-EDE73AB35FE3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641379" y="445625"/>
              <a:ext cx="671154" cy="271317"/>
            </a:xfrm>
            <a:prstGeom prst="rect">
              <a:avLst/>
            </a:prstGeom>
          </p:spPr>
        </p:pic>
        <p:pic>
          <p:nvPicPr>
            <p:cNvPr id="281" name="Picture 280" descr="Cod2.gif">
              <a:extLst>
                <a:ext uri="{FF2B5EF4-FFF2-40B4-BE49-F238E27FC236}">
                  <a16:creationId xmlns:a16="http://schemas.microsoft.com/office/drawing/2014/main" id="{75927530-3CB0-4F4A-A093-51F6D156BE79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261321" y="-551245"/>
              <a:ext cx="5397500" cy="2222500"/>
            </a:xfrm>
            <a:prstGeom prst="rect">
              <a:avLst/>
            </a:prstGeom>
          </p:spPr>
        </p:pic>
      </p:grpSp>
      <p:grpSp>
        <p:nvGrpSpPr>
          <p:cNvPr id="310" name="Group 309">
            <a:extLst>
              <a:ext uri="{FF2B5EF4-FFF2-40B4-BE49-F238E27FC236}">
                <a16:creationId xmlns:a16="http://schemas.microsoft.com/office/drawing/2014/main" id="{BA1CBC13-EDEB-4C4F-BE5B-6474141FBB0A}"/>
              </a:ext>
            </a:extLst>
          </p:cNvPr>
          <p:cNvGrpSpPr/>
          <p:nvPr/>
        </p:nvGrpSpPr>
        <p:grpSpPr>
          <a:xfrm>
            <a:off x="1535689" y="3737832"/>
            <a:ext cx="3466505" cy="292242"/>
            <a:chOff x="2930105" y="3680344"/>
            <a:chExt cx="3466505" cy="292242"/>
          </a:xfrm>
        </p:grpSpPr>
        <p:sp>
          <p:nvSpPr>
            <p:cNvPr id="282" name="TextBox 281">
              <a:extLst>
                <a:ext uri="{FF2B5EF4-FFF2-40B4-BE49-F238E27FC236}">
                  <a16:creationId xmlns:a16="http://schemas.microsoft.com/office/drawing/2014/main" id="{09E58E0B-993B-0944-8567-A66C129C638D}"/>
                </a:ext>
              </a:extLst>
            </p:cNvPr>
            <p:cNvSpPr txBox="1"/>
            <p:nvPr/>
          </p:nvSpPr>
          <p:spPr>
            <a:xfrm>
              <a:off x="2930105" y="3680344"/>
              <a:ext cx="530915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1200" dirty="0"/>
                <a:t>10 g</a:t>
              </a:r>
            </a:p>
          </p:txBody>
        </p:sp>
        <p:sp>
          <p:nvSpPr>
            <p:cNvPr id="283" name="TextBox 282">
              <a:extLst>
                <a:ext uri="{FF2B5EF4-FFF2-40B4-BE49-F238E27FC236}">
                  <a16:creationId xmlns:a16="http://schemas.microsoft.com/office/drawing/2014/main" id="{BE4D15C1-EE56-2343-B5DD-27ABB153E9A4}"/>
                </a:ext>
              </a:extLst>
            </p:cNvPr>
            <p:cNvSpPr txBox="1"/>
            <p:nvPr/>
          </p:nvSpPr>
          <p:spPr>
            <a:xfrm>
              <a:off x="3815112" y="3680653"/>
              <a:ext cx="628698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1200" dirty="0"/>
                <a:t>100 g</a:t>
              </a:r>
            </a:p>
          </p:txBody>
        </p:sp>
        <p:sp>
          <p:nvSpPr>
            <p:cNvPr id="284" name="TextBox 283">
              <a:extLst>
                <a:ext uri="{FF2B5EF4-FFF2-40B4-BE49-F238E27FC236}">
                  <a16:creationId xmlns:a16="http://schemas.microsoft.com/office/drawing/2014/main" id="{E0DD2ABA-2C4D-8A42-AFFE-6607742D53BE}"/>
                </a:ext>
              </a:extLst>
            </p:cNvPr>
            <p:cNvSpPr txBox="1"/>
            <p:nvPr/>
          </p:nvSpPr>
          <p:spPr>
            <a:xfrm>
              <a:off x="4858223" y="3691469"/>
              <a:ext cx="524503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1200" dirty="0"/>
                <a:t>1 kg</a:t>
              </a:r>
            </a:p>
          </p:txBody>
        </p:sp>
        <p:sp>
          <p:nvSpPr>
            <p:cNvPr id="285" name="TextBox 284">
              <a:extLst>
                <a:ext uri="{FF2B5EF4-FFF2-40B4-BE49-F238E27FC236}">
                  <a16:creationId xmlns:a16="http://schemas.microsoft.com/office/drawing/2014/main" id="{C74B8277-EC4E-E44B-BD41-8C4F32D9B25C}"/>
                </a:ext>
              </a:extLst>
            </p:cNvPr>
            <p:cNvSpPr txBox="1"/>
            <p:nvPr/>
          </p:nvSpPr>
          <p:spPr>
            <a:xfrm>
              <a:off x="5774324" y="3695587"/>
              <a:ext cx="622286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1200" dirty="0"/>
                <a:t>10 kg</a:t>
              </a:r>
            </a:p>
          </p:txBody>
        </p:sp>
      </p:grpSp>
      <p:sp>
        <p:nvSpPr>
          <p:cNvPr id="286" name="TextBox 285">
            <a:extLst>
              <a:ext uri="{FF2B5EF4-FFF2-40B4-BE49-F238E27FC236}">
                <a16:creationId xmlns:a16="http://schemas.microsoft.com/office/drawing/2014/main" id="{09825D26-8071-1842-B3FF-666BFA8AE1F2}"/>
              </a:ext>
            </a:extLst>
          </p:cNvPr>
          <p:cNvSpPr txBox="1"/>
          <p:nvPr/>
        </p:nvSpPr>
        <p:spPr>
          <a:xfrm>
            <a:off x="2297575" y="3883698"/>
            <a:ext cx="1946367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/>
              <a:t>Maximum weight</a:t>
            </a:r>
          </a:p>
        </p:txBody>
      </p:sp>
      <p:sp>
        <p:nvSpPr>
          <p:cNvPr id="288" name="Freeform 287">
            <a:extLst>
              <a:ext uri="{FF2B5EF4-FFF2-40B4-BE49-F238E27FC236}">
                <a16:creationId xmlns:a16="http://schemas.microsoft.com/office/drawing/2014/main" id="{BAE5D460-23DD-4443-A5EA-9F625FF0468D}"/>
              </a:ext>
            </a:extLst>
          </p:cNvPr>
          <p:cNvSpPr/>
          <p:nvPr/>
        </p:nvSpPr>
        <p:spPr bwMode="auto">
          <a:xfrm>
            <a:off x="1301564" y="2979521"/>
            <a:ext cx="3604212" cy="781734"/>
          </a:xfrm>
          <a:custGeom>
            <a:avLst/>
            <a:gdLst>
              <a:gd name="connsiteX0" fmla="*/ 0 w 3313785"/>
              <a:gd name="connsiteY0" fmla="*/ 538625 h 809288"/>
              <a:gd name="connsiteX1" fmla="*/ 899769 w 3313785"/>
              <a:gd name="connsiteY1" fmla="*/ 238702 h 809288"/>
              <a:gd name="connsiteX2" fmla="*/ 1492300 w 3313785"/>
              <a:gd name="connsiteY2" fmla="*/ 26561 h 809288"/>
              <a:gd name="connsiteX3" fmla="*/ 1741017 w 3313785"/>
              <a:gd name="connsiteY3" fmla="*/ 11931 h 809288"/>
              <a:gd name="connsiteX4" fmla="*/ 2062886 w 3313785"/>
              <a:gd name="connsiteY4" fmla="*/ 107028 h 809288"/>
              <a:gd name="connsiteX5" fmla="*/ 2779776 w 3313785"/>
              <a:gd name="connsiteY5" fmla="*/ 480104 h 809288"/>
              <a:gd name="connsiteX6" fmla="*/ 3313785 w 3313785"/>
              <a:gd name="connsiteY6" fmla="*/ 809288 h 80928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3313785" h="809288">
                <a:moveTo>
                  <a:pt x="0" y="538625"/>
                </a:moveTo>
                <a:lnTo>
                  <a:pt x="899769" y="238702"/>
                </a:lnTo>
                <a:cubicBezTo>
                  <a:pt x="1148486" y="153358"/>
                  <a:pt x="1352092" y="64356"/>
                  <a:pt x="1492300" y="26561"/>
                </a:cubicBezTo>
                <a:cubicBezTo>
                  <a:pt x="1632508" y="-11234"/>
                  <a:pt x="1645919" y="-1480"/>
                  <a:pt x="1741017" y="11931"/>
                </a:cubicBezTo>
                <a:cubicBezTo>
                  <a:pt x="1836115" y="25342"/>
                  <a:pt x="1889759" y="28999"/>
                  <a:pt x="2062886" y="107028"/>
                </a:cubicBezTo>
                <a:cubicBezTo>
                  <a:pt x="2236013" y="185057"/>
                  <a:pt x="2571293" y="363061"/>
                  <a:pt x="2779776" y="480104"/>
                </a:cubicBezTo>
                <a:cubicBezTo>
                  <a:pt x="2988259" y="597147"/>
                  <a:pt x="3151022" y="703217"/>
                  <a:pt x="3313785" y="809288"/>
                </a:cubicBezTo>
              </a:path>
            </a:pathLst>
          </a:custGeom>
          <a:noFill/>
          <a:ln w="50800" cap="flat" cmpd="sng" algn="ctr">
            <a:solidFill>
              <a:schemeClr val="accent2">
                <a:lumMod val="60000"/>
                <a:lumOff val="4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290" name="Freeform 289">
            <a:extLst>
              <a:ext uri="{FF2B5EF4-FFF2-40B4-BE49-F238E27FC236}">
                <a16:creationId xmlns:a16="http://schemas.microsoft.com/office/drawing/2014/main" id="{E002E0FD-F74E-6647-AF71-1E20F0BDC1A0}"/>
              </a:ext>
            </a:extLst>
          </p:cNvPr>
          <p:cNvSpPr/>
          <p:nvPr/>
        </p:nvSpPr>
        <p:spPr bwMode="auto">
          <a:xfrm>
            <a:off x="1517034" y="3042015"/>
            <a:ext cx="2915644" cy="738910"/>
          </a:xfrm>
          <a:custGeom>
            <a:avLst/>
            <a:gdLst>
              <a:gd name="connsiteX0" fmla="*/ 0 w 2915644"/>
              <a:gd name="connsiteY0" fmla="*/ 716964 h 738910"/>
              <a:gd name="connsiteX1" fmla="*/ 731520 w 2915644"/>
              <a:gd name="connsiteY1" fmla="*/ 329259 h 738910"/>
              <a:gd name="connsiteX2" fmla="*/ 1419148 w 2915644"/>
              <a:gd name="connsiteY2" fmla="*/ 36651 h 738910"/>
              <a:gd name="connsiteX3" fmla="*/ 1580083 w 2915644"/>
              <a:gd name="connsiteY3" fmla="*/ 14705 h 738910"/>
              <a:gd name="connsiteX4" fmla="*/ 1923897 w 2915644"/>
              <a:gd name="connsiteY4" fmla="*/ 131748 h 738910"/>
              <a:gd name="connsiteX5" fmla="*/ 2765145 w 2915644"/>
              <a:gd name="connsiteY5" fmla="*/ 592606 h 738910"/>
              <a:gd name="connsiteX6" fmla="*/ 2911449 w 2915644"/>
              <a:gd name="connsiteY6" fmla="*/ 738910 h 73891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2915644" h="738910">
                <a:moveTo>
                  <a:pt x="0" y="716964"/>
                </a:moveTo>
                <a:cubicBezTo>
                  <a:pt x="247497" y="579804"/>
                  <a:pt x="494995" y="442645"/>
                  <a:pt x="731520" y="329259"/>
                </a:cubicBezTo>
                <a:cubicBezTo>
                  <a:pt x="968045" y="215873"/>
                  <a:pt x="1277721" y="89077"/>
                  <a:pt x="1419148" y="36651"/>
                </a:cubicBezTo>
                <a:cubicBezTo>
                  <a:pt x="1560575" y="-15775"/>
                  <a:pt x="1495958" y="-1145"/>
                  <a:pt x="1580083" y="14705"/>
                </a:cubicBezTo>
                <a:cubicBezTo>
                  <a:pt x="1664208" y="30554"/>
                  <a:pt x="1726387" y="35431"/>
                  <a:pt x="1923897" y="131748"/>
                </a:cubicBezTo>
                <a:cubicBezTo>
                  <a:pt x="2121407" y="228065"/>
                  <a:pt x="2600553" y="491412"/>
                  <a:pt x="2765145" y="592606"/>
                </a:cubicBezTo>
                <a:cubicBezTo>
                  <a:pt x="2929737" y="693800"/>
                  <a:pt x="2920593" y="716355"/>
                  <a:pt x="2911449" y="738910"/>
                </a:cubicBezTo>
              </a:path>
            </a:pathLst>
          </a:custGeom>
          <a:noFill/>
          <a:ln w="50800" cap="flat" cmpd="sng" algn="ctr">
            <a:solidFill>
              <a:schemeClr val="accent2">
                <a:lumMod val="20000"/>
                <a:lumOff val="80000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  <a:extLs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298" name="TextBox 297">
            <a:extLst>
              <a:ext uri="{FF2B5EF4-FFF2-40B4-BE49-F238E27FC236}">
                <a16:creationId xmlns:a16="http://schemas.microsoft.com/office/drawing/2014/main" id="{7497FAC1-9CE2-3043-B9B8-1C15738F810F}"/>
              </a:ext>
            </a:extLst>
          </p:cNvPr>
          <p:cNvSpPr txBox="1"/>
          <p:nvPr/>
        </p:nvSpPr>
        <p:spPr>
          <a:xfrm>
            <a:off x="2359643" y="167403"/>
            <a:ext cx="662361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400" dirty="0">
                <a:solidFill>
                  <a:schemeClr val="accent2">
                    <a:lumMod val="50000"/>
                  </a:schemeClr>
                </a:solidFill>
              </a:rPr>
              <a:t>Profit</a:t>
            </a:r>
          </a:p>
        </p:txBody>
      </p:sp>
      <p:sp>
        <p:nvSpPr>
          <p:cNvPr id="301" name="TextBox 300">
            <a:extLst>
              <a:ext uri="{FF2B5EF4-FFF2-40B4-BE49-F238E27FC236}">
                <a16:creationId xmlns:a16="http://schemas.microsoft.com/office/drawing/2014/main" id="{9A75734F-2144-7C46-885E-6EE96FBD4BF4}"/>
              </a:ext>
            </a:extLst>
          </p:cNvPr>
          <p:cNvSpPr txBox="1"/>
          <p:nvPr/>
        </p:nvSpPr>
        <p:spPr>
          <a:xfrm>
            <a:off x="1281403" y="2412346"/>
            <a:ext cx="104547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dirty="0"/>
              <a:t>Biomass</a:t>
            </a:r>
          </a:p>
        </p:txBody>
      </p:sp>
      <p:grpSp>
        <p:nvGrpSpPr>
          <p:cNvPr id="309" name="Group 308">
            <a:extLst>
              <a:ext uri="{FF2B5EF4-FFF2-40B4-BE49-F238E27FC236}">
                <a16:creationId xmlns:a16="http://schemas.microsoft.com/office/drawing/2014/main" id="{619124EF-63A6-714C-938C-E7A8362FC3F3}"/>
              </a:ext>
            </a:extLst>
          </p:cNvPr>
          <p:cNvGrpSpPr/>
          <p:nvPr/>
        </p:nvGrpSpPr>
        <p:grpSpPr>
          <a:xfrm>
            <a:off x="1370282" y="118277"/>
            <a:ext cx="4201331" cy="5693418"/>
            <a:chOff x="2764698" y="60789"/>
            <a:chExt cx="4201331" cy="5693418"/>
          </a:xfrm>
        </p:grpSpPr>
        <p:grpSp>
          <p:nvGrpSpPr>
            <p:cNvPr id="294" name="Group 293">
              <a:extLst>
                <a:ext uri="{FF2B5EF4-FFF2-40B4-BE49-F238E27FC236}">
                  <a16:creationId xmlns:a16="http://schemas.microsoft.com/office/drawing/2014/main" id="{08DED1F6-5770-6A49-9546-8AA2A7941E5C}"/>
                </a:ext>
              </a:extLst>
            </p:cNvPr>
            <p:cNvGrpSpPr/>
            <p:nvPr/>
          </p:nvGrpSpPr>
          <p:grpSpPr>
            <a:xfrm>
              <a:off x="2764698" y="1868070"/>
              <a:ext cx="4201331" cy="3886137"/>
              <a:chOff x="3495952" y="1430762"/>
              <a:chExt cx="2532460" cy="3886137"/>
            </a:xfrm>
          </p:grpSpPr>
          <p:sp>
            <p:nvSpPr>
              <p:cNvPr id="295" name="Freeform 184">
                <a:extLst>
                  <a:ext uri="{FF2B5EF4-FFF2-40B4-BE49-F238E27FC236}">
                    <a16:creationId xmlns:a16="http://schemas.microsoft.com/office/drawing/2014/main" id="{9159376A-D0D4-A84D-A9D2-B96D68AFB37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95952" y="4247718"/>
                <a:ext cx="2532460" cy="1069181"/>
              </a:xfrm>
              <a:custGeom>
                <a:avLst/>
                <a:gdLst>
                  <a:gd name="T0" fmla="*/ 0 w 2135"/>
                  <a:gd name="T1" fmla="*/ 386 h 899"/>
                  <a:gd name="T2" fmla="*/ 0 w 2135"/>
                  <a:gd name="T3" fmla="*/ 386 h 899"/>
                  <a:gd name="T4" fmla="*/ 125 w 2135"/>
                  <a:gd name="T5" fmla="*/ 229 h 899"/>
                  <a:gd name="T6" fmla="*/ 251 w 2135"/>
                  <a:gd name="T7" fmla="*/ 125 h 899"/>
                  <a:gd name="T8" fmla="*/ 377 w 2135"/>
                  <a:gd name="T9" fmla="*/ 48 h 899"/>
                  <a:gd name="T10" fmla="*/ 502 w 2135"/>
                  <a:gd name="T11" fmla="*/ 14 h 899"/>
                  <a:gd name="T12" fmla="*/ 628 w 2135"/>
                  <a:gd name="T13" fmla="*/ 0 h 899"/>
                  <a:gd name="T14" fmla="*/ 754 w 2135"/>
                  <a:gd name="T15" fmla="*/ 61 h 899"/>
                  <a:gd name="T16" fmla="*/ 879 w 2135"/>
                  <a:gd name="T17" fmla="*/ 214 h 899"/>
                  <a:gd name="T18" fmla="*/ 1005 w 2135"/>
                  <a:gd name="T19" fmla="*/ 408 h 899"/>
                  <a:gd name="T20" fmla="*/ 1130 w 2135"/>
                  <a:gd name="T21" fmla="*/ 543 h 899"/>
                  <a:gd name="T22" fmla="*/ 1256 w 2135"/>
                  <a:gd name="T23" fmla="*/ 635 h 899"/>
                  <a:gd name="T24" fmla="*/ 1382 w 2135"/>
                  <a:gd name="T25" fmla="*/ 698 h 899"/>
                  <a:gd name="T26" fmla="*/ 1507 w 2135"/>
                  <a:gd name="T27" fmla="*/ 738 h 899"/>
                  <a:gd name="T28" fmla="*/ 1633 w 2135"/>
                  <a:gd name="T29" fmla="*/ 778 h 899"/>
                  <a:gd name="T30" fmla="*/ 1758 w 2135"/>
                  <a:gd name="T31" fmla="*/ 825 h 899"/>
                  <a:gd name="T32" fmla="*/ 1884 w 2135"/>
                  <a:gd name="T33" fmla="*/ 854 h 899"/>
                  <a:gd name="T34" fmla="*/ 2010 w 2135"/>
                  <a:gd name="T35" fmla="*/ 884 h 899"/>
                  <a:gd name="T36" fmla="*/ 2135 w 2135"/>
                  <a:gd name="T37" fmla="*/ 899 h 89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</a:cxnLst>
                <a:rect l="0" t="0" r="r" b="b"/>
                <a:pathLst>
                  <a:path w="2135" h="899">
                    <a:moveTo>
                      <a:pt x="0" y="386"/>
                    </a:moveTo>
                    <a:lnTo>
                      <a:pt x="0" y="386"/>
                    </a:lnTo>
                    <a:lnTo>
                      <a:pt x="125" y="229"/>
                    </a:lnTo>
                    <a:lnTo>
                      <a:pt x="251" y="125"/>
                    </a:lnTo>
                    <a:lnTo>
                      <a:pt x="377" y="48"/>
                    </a:lnTo>
                    <a:lnTo>
                      <a:pt x="502" y="14"/>
                    </a:lnTo>
                    <a:lnTo>
                      <a:pt x="628" y="0"/>
                    </a:lnTo>
                    <a:lnTo>
                      <a:pt x="754" y="61"/>
                    </a:lnTo>
                    <a:lnTo>
                      <a:pt x="879" y="214"/>
                    </a:lnTo>
                    <a:lnTo>
                      <a:pt x="1005" y="408"/>
                    </a:lnTo>
                    <a:lnTo>
                      <a:pt x="1130" y="543"/>
                    </a:lnTo>
                    <a:lnTo>
                      <a:pt x="1256" y="635"/>
                    </a:lnTo>
                    <a:lnTo>
                      <a:pt x="1382" y="698"/>
                    </a:lnTo>
                    <a:lnTo>
                      <a:pt x="1507" y="738"/>
                    </a:lnTo>
                    <a:lnTo>
                      <a:pt x="1633" y="778"/>
                    </a:lnTo>
                    <a:lnTo>
                      <a:pt x="1758" y="825"/>
                    </a:lnTo>
                    <a:lnTo>
                      <a:pt x="1884" y="854"/>
                    </a:lnTo>
                    <a:lnTo>
                      <a:pt x="2010" y="884"/>
                    </a:lnTo>
                    <a:lnTo>
                      <a:pt x="2135" y="899"/>
                    </a:lnTo>
                  </a:path>
                </a:pathLst>
              </a:custGeom>
              <a:noFill/>
              <a:ln w="50800" cap="rnd">
                <a:solidFill>
                  <a:schemeClr val="accent2">
                    <a:lumMod val="75000"/>
                  </a:schemeClr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cxnSp>
            <p:nvCxnSpPr>
              <p:cNvPr id="296" name="Straight Connector 295">
                <a:extLst>
                  <a:ext uri="{FF2B5EF4-FFF2-40B4-BE49-F238E27FC236}">
                    <a16:creationId xmlns:a16="http://schemas.microsoft.com/office/drawing/2014/main" id="{28BF8E66-A6BC-234A-84CA-A8DD75561B79}"/>
                  </a:ext>
                </a:extLst>
              </p:cNvPr>
              <p:cNvCxnSpPr>
                <a:cxnSpLocks/>
                <a:endCxn id="295" idx="6"/>
              </p:cNvCxnSpPr>
              <p:nvPr/>
            </p:nvCxnSpPr>
            <p:spPr bwMode="auto">
              <a:xfrm>
                <a:off x="4100262" y="1430762"/>
                <a:ext cx="140600" cy="2816956"/>
              </a:xfrm>
              <a:prstGeom prst="line">
                <a:avLst/>
              </a:prstGeom>
              <a:solidFill>
                <a:schemeClr val="accent1"/>
              </a:solid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cxnSp>
        </p:grpSp>
        <p:cxnSp>
          <p:nvCxnSpPr>
            <p:cNvPr id="306" name="Straight Connector 305">
              <a:extLst>
                <a:ext uri="{FF2B5EF4-FFF2-40B4-BE49-F238E27FC236}">
                  <a16:creationId xmlns:a16="http://schemas.microsoft.com/office/drawing/2014/main" id="{29BAACB4-C4CC-2F4D-965D-1E6389C11C27}"/>
                </a:ext>
              </a:extLst>
            </p:cNvPr>
            <p:cNvCxnSpPr/>
            <p:nvPr/>
          </p:nvCxnSpPr>
          <p:spPr bwMode="auto">
            <a:xfrm flipH="1" flipV="1">
              <a:off x="3760260" y="60789"/>
              <a:ext cx="14105" cy="1783729"/>
            </a:xfrm>
            <a:prstGeom prst="line">
              <a:avLst/>
            </a:prstGeom>
            <a:solidFill>
              <a:schemeClr val="accent1"/>
            </a:solidFill>
            <a:ln w="38100" cap="flat" cmpd="sng" algn="ctr">
              <a:solidFill>
                <a:schemeClr val="tx1"/>
              </a:solidFill>
              <a:prstDash val="sysDash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</p:grpSp>
      <p:grpSp>
        <p:nvGrpSpPr>
          <p:cNvPr id="308" name="Group 307">
            <a:extLst>
              <a:ext uri="{FF2B5EF4-FFF2-40B4-BE49-F238E27FC236}">
                <a16:creationId xmlns:a16="http://schemas.microsoft.com/office/drawing/2014/main" id="{544CB73D-D03D-8642-A5CB-889C92787A4D}"/>
              </a:ext>
            </a:extLst>
          </p:cNvPr>
          <p:cNvGrpSpPr/>
          <p:nvPr/>
        </p:nvGrpSpPr>
        <p:grpSpPr>
          <a:xfrm>
            <a:off x="1362836" y="140148"/>
            <a:ext cx="4201942" cy="5866621"/>
            <a:chOff x="2757252" y="82660"/>
            <a:chExt cx="4201942" cy="5866621"/>
          </a:xfrm>
        </p:grpSpPr>
        <p:grpSp>
          <p:nvGrpSpPr>
            <p:cNvPr id="291" name="Group 290">
              <a:extLst>
                <a:ext uri="{FF2B5EF4-FFF2-40B4-BE49-F238E27FC236}">
                  <a16:creationId xmlns:a16="http://schemas.microsoft.com/office/drawing/2014/main" id="{192C2B82-0B14-C04D-A637-3D671FD871DE}"/>
                </a:ext>
              </a:extLst>
            </p:cNvPr>
            <p:cNvGrpSpPr/>
            <p:nvPr/>
          </p:nvGrpSpPr>
          <p:grpSpPr>
            <a:xfrm>
              <a:off x="2757252" y="1880522"/>
              <a:ext cx="4201942" cy="4068759"/>
              <a:chOff x="3495680" y="1865478"/>
              <a:chExt cx="2532460" cy="3777332"/>
            </a:xfrm>
          </p:grpSpPr>
          <p:sp>
            <p:nvSpPr>
              <p:cNvPr id="292" name="Freeform 183">
                <a:extLst>
                  <a:ext uri="{FF2B5EF4-FFF2-40B4-BE49-F238E27FC236}">
                    <a16:creationId xmlns:a16="http://schemas.microsoft.com/office/drawing/2014/main" id="{8DB85996-2F5E-5A41-A0A2-F021A8A27F0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3495680" y="4666180"/>
                <a:ext cx="2532460" cy="976630"/>
              </a:xfrm>
              <a:custGeom>
                <a:avLst/>
                <a:gdLst>
                  <a:gd name="T0" fmla="*/ 0 w 2135"/>
                  <a:gd name="T1" fmla="*/ 273 h 901"/>
                  <a:gd name="T2" fmla="*/ 0 w 2135"/>
                  <a:gd name="T3" fmla="*/ 273 h 901"/>
                  <a:gd name="T4" fmla="*/ 125 w 2135"/>
                  <a:gd name="T5" fmla="*/ 215 h 901"/>
                  <a:gd name="T6" fmla="*/ 251 w 2135"/>
                  <a:gd name="T7" fmla="*/ 187 h 901"/>
                  <a:gd name="T8" fmla="*/ 377 w 2135"/>
                  <a:gd name="T9" fmla="*/ 161 h 901"/>
                  <a:gd name="T10" fmla="*/ 502 w 2135"/>
                  <a:gd name="T11" fmla="*/ 125 h 901"/>
                  <a:gd name="T12" fmla="*/ 628 w 2135"/>
                  <a:gd name="T13" fmla="*/ 51 h 901"/>
                  <a:gd name="T14" fmla="*/ 754 w 2135"/>
                  <a:gd name="T15" fmla="*/ 0 h 901"/>
                  <a:gd name="T16" fmla="*/ 879 w 2135"/>
                  <a:gd name="T17" fmla="*/ 34 h 901"/>
                  <a:gd name="T18" fmla="*/ 1005 w 2135"/>
                  <a:gd name="T19" fmla="*/ 143 h 901"/>
                  <a:gd name="T20" fmla="*/ 1130 w 2135"/>
                  <a:gd name="T21" fmla="*/ 328 h 901"/>
                  <a:gd name="T22" fmla="*/ 1256 w 2135"/>
                  <a:gd name="T23" fmla="*/ 493 h 901"/>
                  <a:gd name="T24" fmla="*/ 1382 w 2135"/>
                  <a:gd name="T25" fmla="*/ 600 h 901"/>
                  <a:gd name="T26" fmla="*/ 1507 w 2135"/>
                  <a:gd name="T27" fmla="*/ 671 h 901"/>
                  <a:gd name="T28" fmla="*/ 1633 w 2135"/>
                  <a:gd name="T29" fmla="*/ 712 h 901"/>
                  <a:gd name="T30" fmla="*/ 1758 w 2135"/>
                  <a:gd name="T31" fmla="*/ 758 h 901"/>
                  <a:gd name="T32" fmla="*/ 1884 w 2135"/>
                  <a:gd name="T33" fmla="*/ 820 h 901"/>
                  <a:gd name="T34" fmla="*/ 2010 w 2135"/>
                  <a:gd name="T35" fmla="*/ 854 h 901"/>
                  <a:gd name="T36" fmla="*/ 2135 w 2135"/>
                  <a:gd name="T37" fmla="*/ 901 h 90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</a:cxnLst>
                <a:rect l="0" t="0" r="r" b="b"/>
                <a:pathLst>
                  <a:path w="2135" h="901">
                    <a:moveTo>
                      <a:pt x="0" y="273"/>
                    </a:moveTo>
                    <a:lnTo>
                      <a:pt x="0" y="273"/>
                    </a:lnTo>
                    <a:lnTo>
                      <a:pt x="125" y="215"/>
                    </a:lnTo>
                    <a:lnTo>
                      <a:pt x="251" y="187"/>
                    </a:lnTo>
                    <a:lnTo>
                      <a:pt x="377" y="161"/>
                    </a:lnTo>
                    <a:lnTo>
                      <a:pt x="502" y="125"/>
                    </a:lnTo>
                    <a:lnTo>
                      <a:pt x="628" y="51"/>
                    </a:lnTo>
                    <a:lnTo>
                      <a:pt x="754" y="0"/>
                    </a:lnTo>
                    <a:lnTo>
                      <a:pt x="879" y="34"/>
                    </a:lnTo>
                    <a:lnTo>
                      <a:pt x="1005" y="143"/>
                    </a:lnTo>
                    <a:lnTo>
                      <a:pt x="1130" y="328"/>
                    </a:lnTo>
                    <a:lnTo>
                      <a:pt x="1256" y="493"/>
                    </a:lnTo>
                    <a:lnTo>
                      <a:pt x="1382" y="600"/>
                    </a:lnTo>
                    <a:lnTo>
                      <a:pt x="1507" y="671"/>
                    </a:lnTo>
                    <a:lnTo>
                      <a:pt x="1633" y="712"/>
                    </a:lnTo>
                    <a:lnTo>
                      <a:pt x="1758" y="758"/>
                    </a:lnTo>
                    <a:lnTo>
                      <a:pt x="1884" y="820"/>
                    </a:lnTo>
                    <a:lnTo>
                      <a:pt x="2010" y="854"/>
                    </a:lnTo>
                    <a:lnTo>
                      <a:pt x="2135" y="901"/>
                    </a:lnTo>
                  </a:path>
                </a:pathLst>
              </a:custGeom>
              <a:noFill/>
              <a:ln w="50800" cap="rnd">
                <a:solidFill>
                  <a:schemeClr val="accent2">
                    <a:lumMod val="50000"/>
                  </a:schemeClr>
                </a:solidFill>
                <a:prstDash val="solid"/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200"/>
              </a:p>
            </p:txBody>
          </p:sp>
          <p:cxnSp>
            <p:nvCxnSpPr>
              <p:cNvPr id="293" name="Straight Connector 292">
                <a:extLst>
                  <a:ext uri="{FF2B5EF4-FFF2-40B4-BE49-F238E27FC236}">
                    <a16:creationId xmlns:a16="http://schemas.microsoft.com/office/drawing/2014/main" id="{1B3E370A-B7B6-B842-9193-48E3698BAE7B}"/>
                  </a:ext>
                </a:extLst>
              </p:cNvPr>
              <p:cNvCxnSpPr>
                <a:cxnSpLocks/>
                <a:endCxn id="292" idx="3"/>
              </p:cNvCxnSpPr>
              <p:nvPr/>
            </p:nvCxnSpPr>
            <p:spPr bwMode="auto">
              <a:xfrm>
                <a:off x="3759844" y="1865478"/>
                <a:ext cx="33563" cy="3003398"/>
              </a:xfrm>
              <a:prstGeom prst="line">
                <a:avLst/>
              </a:prstGeom>
              <a:solidFill>
                <a:schemeClr val="accent1"/>
              </a:solidFill>
              <a:ln w="9525" cap="flat" cmpd="sng" algn="ctr">
                <a:solidFill>
                  <a:schemeClr val="tx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  <a:extLst>
                <a:ext uri="{AF507438-7753-43E0-B8FC-AC1667EBCBE1}">
                  <a14:hiddenEffects xmlns:a14="http://schemas.microsoft.com/office/drawing/2010/main">
                    <a:effectLst>
                      <a:outerShdw dist="35921" dir="2700000" algn="ctr" rotWithShape="0">
                        <a:schemeClr val="bg2"/>
                      </a:outerShdw>
                    </a:effectLst>
                  </a14:hiddenEffects>
                </a:ext>
              </a:extLst>
            </p:spPr>
          </p:cxnSp>
        </p:grpSp>
        <p:cxnSp>
          <p:nvCxnSpPr>
            <p:cNvPr id="307" name="Straight Connector 306">
              <a:extLst>
                <a:ext uri="{FF2B5EF4-FFF2-40B4-BE49-F238E27FC236}">
                  <a16:creationId xmlns:a16="http://schemas.microsoft.com/office/drawing/2014/main" id="{372B9162-07B9-0141-B6B5-8F412508FC96}"/>
                </a:ext>
              </a:extLst>
            </p:cNvPr>
            <p:cNvCxnSpPr/>
            <p:nvPr/>
          </p:nvCxnSpPr>
          <p:spPr bwMode="auto">
            <a:xfrm flipH="1" flipV="1">
              <a:off x="3180587" y="82660"/>
              <a:ext cx="14105" cy="1783729"/>
            </a:xfrm>
            <a:prstGeom prst="line">
              <a:avLst/>
            </a:prstGeom>
            <a:solidFill>
              <a:schemeClr val="accent1"/>
            </a:solidFill>
            <a:ln w="38100" cap="flat" cmpd="sng" algn="ctr">
              <a:solidFill>
                <a:schemeClr val="tx1"/>
              </a:solidFill>
              <a:prstDash val="sysDash"/>
              <a:round/>
              <a:headEnd type="none" w="med" len="med"/>
              <a:tailEnd type="none" w="med" len="med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cxnSp>
      </p:grpSp>
      <p:grpSp>
        <p:nvGrpSpPr>
          <p:cNvPr id="312" name="Group 311">
            <a:extLst>
              <a:ext uri="{FF2B5EF4-FFF2-40B4-BE49-F238E27FC236}">
                <a16:creationId xmlns:a16="http://schemas.microsoft.com/office/drawing/2014/main" id="{CC18F593-811B-4A4E-B5F0-162CC97D7C9C}"/>
              </a:ext>
            </a:extLst>
          </p:cNvPr>
          <p:cNvGrpSpPr/>
          <p:nvPr/>
        </p:nvGrpSpPr>
        <p:grpSpPr>
          <a:xfrm>
            <a:off x="1544358" y="6459400"/>
            <a:ext cx="3466505" cy="292242"/>
            <a:chOff x="2930105" y="3680344"/>
            <a:chExt cx="3466505" cy="292242"/>
          </a:xfrm>
        </p:grpSpPr>
        <p:sp>
          <p:nvSpPr>
            <p:cNvPr id="313" name="TextBox 312">
              <a:extLst>
                <a:ext uri="{FF2B5EF4-FFF2-40B4-BE49-F238E27FC236}">
                  <a16:creationId xmlns:a16="http://schemas.microsoft.com/office/drawing/2014/main" id="{CE0C857B-C0DF-6B45-AAC6-2ED1789D81D5}"/>
                </a:ext>
              </a:extLst>
            </p:cNvPr>
            <p:cNvSpPr txBox="1"/>
            <p:nvPr/>
          </p:nvSpPr>
          <p:spPr>
            <a:xfrm>
              <a:off x="2930105" y="3680344"/>
              <a:ext cx="530915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1200" dirty="0"/>
                <a:t>10 g</a:t>
              </a:r>
            </a:p>
          </p:txBody>
        </p:sp>
        <p:sp>
          <p:nvSpPr>
            <p:cNvPr id="314" name="TextBox 313">
              <a:extLst>
                <a:ext uri="{FF2B5EF4-FFF2-40B4-BE49-F238E27FC236}">
                  <a16:creationId xmlns:a16="http://schemas.microsoft.com/office/drawing/2014/main" id="{D22E78DE-EB48-6F4C-9AC4-9C1AB84EB857}"/>
                </a:ext>
              </a:extLst>
            </p:cNvPr>
            <p:cNvSpPr txBox="1"/>
            <p:nvPr/>
          </p:nvSpPr>
          <p:spPr>
            <a:xfrm>
              <a:off x="3815112" y="3680653"/>
              <a:ext cx="628698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1200" dirty="0"/>
                <a:t>100 g</a:t>
              </a:r>
            </a:p>
          </p:txBody>
        </p:sp>
        <p:sp>
          <p:nvSpPr>
            <p:cNvPr id="315" name="TextBox 314">
              <a:extLst>
                <a:ext uri="{FF2B5EF4-FFF2-40B4-BE49-F238E27FC236}">
                  <a16:creationId xmlns:a16="http://schemas.microsoft.com/office/drawing/2014/main" id="{BB36BCCC-6B6E-3C4C-BD20-6A5B8B06B045}"/>
                </a:ext>
              </a:extLst>
            </p:cNvPr>
            <p:cNvSpPr txBox="1"/>
            <p:nvPr/>
          </p:nvSpPr>
          <p:spPr>
            <a:xfrm>
              <a:off x="4858223" y="3691469"/>
              <a:ext cx="524503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1200" dirty="0"/>
                <a:t>1 kg</a:t>
              </a:r>
            </a:p>
          </p:txBody>
        </p:sp>
        <p:sp>
          <p:nvSpPr>
            <p:cNvPr id="316" name="TextBox 315">
              <a:extLst>
                <a:ext uri="{FF2B5EF4-FFF2-40B4-BE49-F238E27FC236}">
                  <a16:creationId xmlns:a16="http://schemas.microsoft.com/office/drawing/2014/main" id="{21741A07-653F-524E-A447-94936E30CACE}"/>
                </a:ext>
              </a:extLst>
            </p:cNvPr>
            <p:cNvSpPr txBox="1"/>
            <p:nvPr/>
          </p:nvSpPr>
          <p:spPr>
            <a:xfrm>
              <a:off x="5774324" y="3695587"/>
              <a:ext cx="622286" cy="276999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sz="1200" dirty="0"/>
                <a:t>10 kg</a:t>
              </a:r>
            </a:p>
          </p:txBody>
        </p:sp>
      </p:grpSp>
      <p:sp>
        <p:nvSpPr>
          <p:cNvPr id="317" name="Rectangle 316">
            <a:extLst>
              <a:ext uri="{FF2B5EF4-FFF2-40B4-BE49-F238E27FC236}">
                <a16:creationId xmlns:a16="http://schemas.microsoft.com/office/drawing/2014/main" id="{20E67ED7-7CF5-D648-ADE2-AC22CD8359AB}"/>
              </a:ext>
            </a:extLst>
          </p:cNvPr>
          <p:cNvSpPr/>
          <p:nvPr/>
        </p:nvSpPr>
        <p:spPr bwMode="auto">
          <a:xfrm>
            <a:off x="4977784" y="6534487"/>
            <a:ext cx="936104" cy="264369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319" name="Rectangle 318">
            <a:extLst>
              <a:ext uri="{FF2B5EF4-FFF2-40B4-BE49-F238E27FC236}">
                <a16:creationId xmlns:a16="http://schemas.microsoft.com/office/drawing/2014/main" id="{E63BAA18-C0A1-B247-AA0E-3F48FF8DFB97}"/>
              </a:ext>
            </a:extLst>
          </p:cNvPr>
          <p:cNvSpPr/>
          <p:nvPr/>
        </p:nvSpPr>
        <p:spPr bwMode="auto">
          <a:xfrm>
            <a:off x="1321621" y="137789"/>
            <a:ext cx="480083" cy="1792042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320" name="Rectangle 319">
            <a:extLst>
              <a:ext uri="{FF2B5EF4-FFF2-40B4-BE49-F238E27FC236}">
                <a16:creationId xmlns:a16="http://schemas.microsoft.com/office/drawing/2014/main" id="{36336AD5-2010-174D-80B4-0B815359A0A0}"/>
              </a:ext>
            </a:extLst>
          </p:cNvPr>
          <p:cNvSpPr/>
          <p:nvPr/>
        </p:nvSpPr>
        <p:spPr bwMode="auto">
          <a:xfrm>
            <a:off x="1796632" y="119190"/>
            <a:ext cx="483566" cy="1792042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321" name="Rectangle 320">
            <a:extLst>
              <a:ext uri="{FF2B5EF4-FFF2-40B4-BE49-F238E27FC236}">
                <a16:creationId xmlns:a16="http://schemas.microsoft.com/office/drawing/2014/main" id="{963D0E06-DA2C-FB4B-8731-79F883C84110}"/>
              </a:ext>
            </a:extLst>
          </p:cNvPr>
          <p:cNvSpPr/>
          <p:nvPr/>
        </p:nvSpPr>
        <p:spPr bwMode="auto">
          <a:xfrm>
            <a:off x="2274484" y="120252"/>
            <a:ext cx="497632" cy="1792042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322" name="Rectangle 321">
            <a:extLst>
              <a:ext uri="{FF2B5EF4-FFF2-40B4-BE49-F238E27FC236}">
                <a16:creationId xmlns:a16="http://schemas.microsoft.com/office/drawing/2014/main" id="{194B072D-EBF8-3B4F-BBFA-5E893592A633}"/>
              </a:ext>
            </a:extLst>
          </p:cNvPr>
          <p:cNvSpPr/>
          <p:nvPr/>
        </p:nvSpPr>
        <p:spPr bwMode="auto">
          <a:xfrm>
            <a:off x="2764858" y="137789"/>
            <a:ext cx="1418177" cy="1792042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323" name="Rectangle 322">
            <a:extLst>
              <a:ext uri="{FF2B5EF4-FFF2-40B4-BE49-F238E27FC236}">
                <a16:creationId xmlns:a16="http://schemas.microsoft.com/office/drawing/2014/main" id="{DC5314BB-EE99-3645-9F54-359085905564}"/>
              </a:ext>
            </a:extLst>
          </p:cNvPr>
          <p:cNvSpPr/>
          <p:nvPr/>
        </p:nvSpPr>
        <p:spPr bwMode="auto">
          <a:xfrm>
            <a:off x="4145211" y="119409"/>
            <a:ext cx="1418177" cy="1792042"/>
          </a:xfrm>
          <a:prstGeom prst="rect">
            <a:avLst/>
          </a:prstGeom>
          <a:solidFill>
            <a:schemeClr val="bg1"/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sp>
        <p:nvSpPr>
          <p:cNvPr id="324" name="Freeform 134">
            <a:extLst>
              <a:ext uri="{FF2B5EF4-FFF2-40B4-BE49-F238E27FC236}">
                <a16:creationId xmlns:a16="http://schemas.microsoft.com/office/drawing/2014/main" id="{8CE2B6A9-34BA-7A41-8740-6AED36978210}"/>
              </a:ext>
            </a:extLst>
          </p:cNvPr>
          <p:cNvSpPr>
            <a:spLocks/>
          </p:cNvSpPr>
          <p:nvPr/>
        </p:nvSpPr>
        <p:spPr bwMode="auto">
          <a:xfrm>
            <a:off x="1371213" y="2882954"/>
            <a:ext cx="4220785" cy="514764"/>
          </a:xfrm>
          <a:custGeom>
            <a:avLst/>
            <a:gdLst>
              <a:gd name="T0" fmla="*/ 0 w 8509"/>
              <a:gd name="T1" fmla="*/ 3740 h 5098"/>
              <a:gd name="T2" fmla="*/ 294 w 8509"/>
              <a:gd name="T3" fmla="*/ 3673 h 5098"/>
              <a:gd name="T4" fmla="*/ 587 w 8509"/>
              <a:gd name="T5" fmla="*/ 3562 h 5098"/>
              <a:gd name="T6" fmla="*/ 881 w 8509"/>
              <a:gd name="T7" fmla="*/ 3394 h 5098"/>
              <a:gd name="T8" fmla="*/ 1174 w 8509"/>
              <a:gd name="T9" fmla="*/ 3160 h 5098"/>
              <a:gd name="T10" fmla="*/ 1468 w 8509"/>
              <a:gd name="T11" fmla="*/ 2853 h 5098"/>
              <a:gd name="T12" fmla="*/ 1761 w 8509"/>
              <a:gd name="T13" fmla="*/ 2474 h 5098"/>
              <a:gd name="T14" fmla="*/ 2054 w 8509"/>
              <a:gd name="T15" fmla="*/ 2035 h 5098"/>
              <a:gd name="T16" fmla="*/ 2348 w 8509"/>
              <a:gd name="T17" fmla="*/ 1558 h 5098"/>
              <a:gd name="T18" fmla="*/ 2641 w 8509"/>
              <a:gd name="T19" fmla="*/ 1077 h 5098"/>
              <a:gd name="T20" fmla="*/ 2935 w 8509"/>
              <a:gd name="T21" fmla="*/ 635 h 5098"/>
              <a:gd name="T22" fmla="*/ 3228 w 8509"/>
              <a:gd name="T23" fmla="*/ 283 h 5098"/>
              <a:gd name="T24" fmla="*/ 3521 w 8509"/>
              <a:gd name="T25" fmla="*/ 62 h 5098"/>
              <a:gd name="T26" fmla="*/ 3815 w 8509"/>
              <a:gd name="T27" fmla="*/ 0 h 5098"/>
              <a:gd name="T28" fmla="*/ 4108 w 8509"/>
              <a:gd name="T29" fmla="*/ 105 h 5098"/>
              <a:gd name="T30" fmla="*/ 4402 w 8509"/>
              <a:gd name="T31" fmla="*/ 364 h 5098"/>
              <a:gd name="T32" fmla="*/ 4695 w 8509"/>
              <a:gd name="T33" fmla="*/ 749 h 5098"/>
              <a:gd name="T34" fmla="*/ 4988 w 8509"/>
              <a:gd name="T35" fmla="*/ 1210 h 5098"/>
              <a:gd name="T36" fmla="*/ 5282 w 8509"/>
              <a:gd name="T37" fmla="*/ 1691 h 5098"/>
              <a:gd name="T38" fmla="*/ 5575 w 8509"/>
              <a:gd name="T39" fmla="*/ 2161 h 5098"/>
              <a:gd name="T40" fmla="*/ 5869 w 8509"/>
              <a:gd name="T41" fmla="*/ 2591 h 5098"/>
              <a:gd name="T42" fmla="*/ 6162 w 8509"/>
              <a:gd name="T43" fmla="*/ 2983 h 5098"/>
              <a:gd name="T44" fmla="*/ 6455 w 8509"/>
              <a:gd name="T45" fmla="*/ 3354 h 5098"/>
              <a:gd name="T46" fmla="*/ 6749 w 8509"/>
              <a:gd name="T47" fmla="*/ 3707 h 5098"/>
              <a:gd name="T48" fmla="*/ 7042 w 8509"/>
              <a:gd name="T49" fmla="*/ 4045 h 5098"/>
              <a:gd name="T50" fmla="*/ 7336 w 8509"/>
              <a:gd name="T51" fmla="*/ 4363 h 5098"/>
              <a:gd name="T52" fmla="*/ 7629 w 8509"/>
              <a:gd name="T53" fmla="*/ 4644 h 5098"/>
              <a:gd name="T54" fmla="*/ 7923 w 8509"/>
              <a:gd name="T55" fmla="*/ 4870 h 5098"/>
              <a:gd name="T56" fmla="*/ 8216 w 8509"/>
              <a:gd name="T57" fmla="*/ 5022 h 5098"/>
              <a:gd name="T58" fmla="*/ 8509 w 8509"/>
              <a:gd name="T59" fmla="*/ 5098 h 509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</a:cxnLst>
            <a:rect l="0" t="0" r="r" b="b"/>
            <a:pathLst>
              <a:path w="8509" h="5098">
                <a:moveTo>
                  <a:pt x="0" y="3740"/>
                </a:moveTo>
                <a:lnTo>
                  <a:pt x="294" y="3673"/>
                </a:lnTo>
                <a:lnTo>
                  <a:pt x="587" y="3562"/>
                </a:lnTo>
                <a:lnTo>
                  <a:pt x="881" y="3394"/>
                </a:lnTo>
                <a:lnTo>
                  <a:pt x="1174" y="3160"/>
                </a:lnTo>
                <a:lnTo>
                  <a:pt x="1468" y="2853"/>
                </a:lnTo>
                <a:lnTo>
                  <a:pt x="1761" y="2474"/>
                </a:lnTo>
                <a:lnTo>
                  <a:pt x="2054" y="2035"/>
                </a:lnTo>
                <a:lnTo>
                  <a:pt x="2348" y="1558"/>
                </a:lnTo>
                <a:lnTo>
                  <a:pt x="2641" y="1077"/>
                </a:lnTo>
                <a:lnTo>
                  <a:pt x="2935" y="635"/>
                </a:lnTo>
                <a:lnTo>
                  <a:pt x="3228" y="283"/>
                </a:lnTo>
                <a:lnTo>
                  <a:pt x="3521" y="62"/>
                </a:lnTo>
                <a:lnTo>
                  <a:pt x="3815" y="0"/>
                </a:lnTo>
                <a:lnTo>
                  <a:pt x="4108" y="105"/>
                </a:lnTo>
                <a:lnTo>
                  <a:pt x="4402" y="364"/>
                </a:lnTo>
                <a:lnTo>
                  <a:pt x="4695" y="749"/>
                </a:lnTo>
                <a:lnTo>
                  <a:pt x="4988" y="1210"/>
                </a:lnTo>
                <a:lnTo>
                  <a:pt x="5282" y="1691"/>
                </a:lnTo>
                <a:lnTo>
                  <a:pt x="5575" y="2161"/>
                </a:lnTo>
                <a:lnTo>
                  <a:pt x="5869" y="2591"/>
                </a:lnTo>
                <a:lnTo>
                  <a:pt x="6162" y="2983"/>
                </a:lnTo>
                <a:lnTo>
                  <a:pt x="6455" y="3354"/>
                </a:lnTo>
                <a:lnTo>
                  <a:pt x="6749" y="3707"/>
                </a:lnTo>
                <a:lnTo>
                  <a:pt x="7042" y="4045"/>
                </a:lnTo>
                <a:lnTo>
                  <a:pt x="7336" y="4363"/>
                </a:lnTo>
                <a:lnTo>
                  <a:pt x="7629" y="4644"/>
                </a:lnTo>
                <a:lnTo>
                  <a:pt x="7923" y="4870"/>
                </a:lnTo>
                <a:lnTo>
                  <a:pt x="8216" y="5022"/>
                </a:lnTo>
                <a:lnTo>
                  <a:pt x="8509" y="5098"/>
                </a:lnTo>
              </a:path>
            </a:pathLst>
          </a:custGeom>
          <a:noFill/>
          <a:ln w="50800" cap="rnd">
            <a:solidFill>
              <a:schemeClr val="accent2">
                <a:lumMod val="50000"/>
              </a:schemeClr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endParaRPr lang="en-US" sz="1200"/>
          </a:p>
        </p:txBody>
      </p:sp>
      <p:sp>
        <p:nvSpPr>
          <p:cNvPr id="325" name="Freeform 135">
            <a:extLst>
              <a:ext uri="{FF2B5EF4-FFF2-40B4-BE49-F238E27FC236}">
                <a16:creationId xmlns:a16="http://schemas.microsoft.com/office/drawing/2014/main" id="{D14DA52A-141A-5144-99A0-4A5FA81563C0}"/>
              </a:ext>
            </a:extLst>
          </p:cNvPr>
          <p:cNvSpPr>
            <a:spLocks/>
          </p:cNvSpPr>
          <p:nvPr/>
        </p:nvSpPr>
        <p:spPr bwMode="auto">
          <a:xfrm>
            <a:off x="1371213" y="2905695"/>
            <a:ext cx="4220785" cy="790752"/>
          </a:xfrm>
          <a:custGeom>
            <a:avLst/>
            <a:gdLst>
              <a:gd name="T0" fmla="*/ 0 w 8509"/>
              <a:gd name="T1" fmla="*/ 4722 h 7834"/>
              <a:gd name="T2" fmla="*/ 294 w 8509"/>
              <a:gd name="T3" fmla="*/ 4339 h 7834"/>
              <a:gd name="T4" fmla="*/ 587 w 8509"/>
              <a:gd name="T5" fmla="*/ 3996 h 7834"/>
              <a:gd name="T6" fmla="*/ 881 w 8509"/>
              <a:gd name="T7" fmla="*/ 3632 h 7834"/>
              <a:gd name="T8" fmla="*/ 1174 w 8509"/>
              <a:gd name="T9" fmla="*/ 3223 h 7834"/>
              <a:gd name="T10" fmla="*/ 1468 w 8509"/>
              <a:gd name="T11" fmla="*/ 2764 h 7834"/>
              <a:gd name="T12" fmla="*/ 1761 w 8509"/>
              <a:gd name="T13" fmla="*/ 2263 h 7834"/>
              <a:gd name="T14" fmla="*/ 2054 w 8509"/>
              <a:gd name="T15" fmla="*/ 1736 h 7834"/>
              <a:gd name="T16" fmla="*/ 2348 w 8509"/>
              <a:gd name="T17" fmla="*/ 1215 h 7834"/>
              <a:gd name="T18" fmla="*/ 2641 w 8509"/>
              <a:gd name="T19" fmla="*/ 737 h 7834"/>
              <a:gd name="T20" fmla="*/ 2935 w 8509"/>
              <a:gd name="T21" fmla="*/ 347 h 7834"/>
              <a:gd name="T22" fmla="*/ 3228 w 8509"/>
              <a:gd name="T23" fmla="*/ 90 h 7834"/>
              <a:gd name="T24" fmla="*/ 3521 w 8509"/>
              <a:gd name="T25" fmla="*/ 0 h 7834"/>
              <a:gd name="T26" fmla="*/ 3815 w 8509"/>
              <a:gd name="T27" fmla="*/ 92 h 7834"/>
              <a:gd name="T28" fmla="*/ 4108 w 8509"/>
              <a:gd name="T29" fmla="*/ 362 h 7834"/>
              <a:gd name="T30" fmla="*/ 4402 w 8509"/>
              <a:gd name="T31" fmla="*/ 788 h 7834"/>
              <a:gd name="T32" fmla="*/ 4695 w 8509"/>
              <a:gd name="T33" fmla="*/ 1338 h 7834"/>
              <a:gd name="T34" fmla="*/ 4988 w 8509"/>
              <a:gd name="T35" fmla="*/ 1961 h 7834"/>
              <a:gd name="T36" fmla="*/ 5282 w 8509"/>
              <a:gd name="T37" fmla="*/ 2606 h 7834"/>
              <a:gd name="T38" fmla="*/ 5575 w 8509"/>
              <a:gd name="T39" fmla="*/ 3247 h 7834"/>
              <a:gd name="T40" fmla="*/ 5869 w 8509"/>
              <a:gd name="T41" fmla="*/ 3860 h 7834"/>
              <a:gd name="T42" fmla="*/ 6162 w 8509"/>
              <a:gd name="T43" fmla="*/ 4448 h 7834"/>
              <a:gd name="T44" fmla="*/ 6455 w 8509"/>
              <a:gd name="T45" fmla="*/ 5026 h 7834"/>
              <a:gd name="T46" fmla="*/ 6749 w 8509"/>
              <a:gd name="T47" fmla="*/ 5589 h 7834"/>
              <a:gd name="T48" fmla="*/ 7042 w 8509"/>
              <a:gd name="T49" fmla="*/ 6128 h 7834"/>
              <a:gd name="T50" fmla="*/ 7336 w 8509"/>
              <a:gd name="T51" fmla="*/ 6627 h 7834"/>
              <a:gd name="T52" fmla="*/ 7629 w 8509"/>
              <a:gd name="T53" fmla="*/ 7060 h 7834"/>
              <a:gd name="T54" fmla="*/ 7923 w 8509"/>
              <a:gd name="T55" fmla="*/ 7410 h 7834"/>
              <a:gd name="T56" fmla="*/ 8216 w 8509"/>
              <a:gd name="T57" fmla="*/ 7666 h 7834"/>
              <a:gd name="T58" fmla="*/ 8509 w 8509"/>
              <a:gd name="T59" fmla="*/ 7834 h 7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</a:cxnLst>
            <a:rect l="0" t="0" r="r" b="b"/>
            <a:pathLst>
              <a:path w="8509" h="7834">
                <a:moveTo>
                  <a:pt x="0" y="4722"/>
                </a:moveTo>
                <a:lnTo>
                  <a:pt x="294" y="4339"/>
                </a:lnTo>
                <a:lnTo>
                  <a:pt x="587" y="3996"/>
                </a:lnTo>
                <a:lnTo>
                  <a:pt x="881" y="3632"/>
                </a:lnTo>
                <a:lnTo>
                  <a:pt x="1174" y="3223"/>
                </a:lnTo>
                <a:lnTo>
                  <a:pt x="1468" y="2764"/>
                </a:lnTo>
                <a:lnTo>
                  <a:pt x="1761" y="2263"/>
                </a:lnTo>
                <a:lnTo>
                  <a:pt x="2054" y="1736"/>
                </a:lnTo>
                <a:lnTo>
                  <a:pt x="2348" y="1215"/>
                </a:lnTo>
                <a:lnTo>
                  <a:pt x="2641" y="737"/>
                </a:lnTo>
                <a:lnTo>
                  <a:pt x="2935" y="347"/>
                </a:lnTo>
                <a:lnTo>
                  <a:pt x="3228" y="90"/>
                </a:lnTo>
                <a:lnTo>
                  <a:pt x="3521" y="0"/>
                </a:lnTo>
                <a:lnTo>
                  <a:pt x="3815" y="92"/>
                </a:lnTo>
                <a:lnTo>
                  <a:pt x="4108" y="362"/>
                </a:lnTo>
                <a:lnTo>
                  <a:pt x="4402" y="788"/>
                </a:lnTo>
                <a:lnTo>
                  <a:pt x="4695" y="1338"/>
                </a:lnTo>
                <a:lnTo>
                  <a:pt x="4988" y="1961"/>
                </a:lnTo>
                <a:lnTo>
                  <a:pt x="5282" y="2606"/>
                </a:lnTo>
                <a:lnTo>
                  <a:pt x="5575" y="3247"/>
                </a:lnTo>
                <a:lnTo>
                  <a:pt x="5869" y="3860"/>
                </a:lnTo>
                <a:lnTo>
                  <a:pt x="6162" y="4448"/>
                </a:lnTo>
                <a:lnTo>
                  <a:pt x="6455" y="5026"/>
                </a:lnTo>
                <a:lnTo>
                  <a:pt x="6749" y="5589"/>
                </a:lnTo>
                <a:lnTo>
                  <a:pt x="7042" y="6128"/>
                </a:lnTo>
                <a:lnTo>
                  <a:pt x="7336" y="6627"/>
                </a:lnTo>
                <a:lnTo>
                  <a:pt x="7629" y="7060"/>
                </a:lnTo>
                <a:lnTo>
                  <a:pt x="7923" y="7410"/>
                </a:lnTo>
                <a:lnTo>
                  <a:pt x="8216" y="7666"/>
                </a:lnTo>
                <a:lnTo>
                  <a:pt x="8509" y="7834"/>
                </a:lnTo>
              </a:path>
            </a:pathLst>
          </a:custGeom>
          <a:noFill/>
          <a:ln w="50800" cap="rnd">
            <a:solidFill>
              <a:schemeClr val="accent2">
                <a:lumMod val="75000"/>
              </a:schemeClr>
            </a:solidFill>
            <a:prstDash val="solid"/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endParaRPr lang="en-US" sz="1200"/>
          </a:p>
        </p:txBody>
      </p:sp>
      <p:sp>
        <p:nvSpPr>
          <p:cNvPr id="331" name="Up-Down Arrow 330">
            <a:extLst>
              <a:ext uri="{FF2B5EF4-FFF2-40B4-BE49-F238E27FC236}">
                <a16:creationId xmlns:a16="http://schemas.microsoft.com/office/drawing/2014/main" id="{F6ADEA76-C5F7-E04A-B360-DE80D7CBC76E}"/>
              </a:ext>
            </a:extLst>
          </p:cNvPr>
          <p:cNvSpPr/>
          <p:nvPr/>
        </p:nvSpPr>
        <p:spPr bwMode="auto">
          <a:xfrm>
            <a:off x="2224072" y="4752647"/>
            <a:ext cx="393248" cy="792088"/>
          </a:xfrm>
          <a:prstGeom prst="upDownArrow">
            <a:avLst/>
          </a:prstGeom>
          <a:solidFill>
            <a:schemeClr val="tx2">
              <a:lumMod val="60000"/>
              <a:lumOff val="40000"/>
            </a:schemeClr>
          </a:solidFill>
          <a:ln w="9525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  <a:ex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marL="0" marR="0" indent="0" algn="l" defTabSz="914400" rtl="0" eaLnBrk="1" fontAlgn="base" latinLnBrk="0" hangingPunct="1">
              <a:lnSpc>
                <a:spcPct val="100000"/>
              </a:lnSpc>
              <a:spcBef>
                <a:spcPct val="5000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endParaRPr kumimoji="0" lang="en-GB" sz="1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Verdana" pitchFamily="34" charset="0"/>
              <a:ea typeface="ＭＳ Ｐゴシック" pitchFamily="-80" charset="-128"/>
            </a:endParaRPr>
          </a:p>
        </p:txBody>
      </p:sp>
      <p:grpSp>
        <p:nvGrpSpPr>
          <p:cNvPr id="337" name="Group 336">
            <a:extLst>
              <a:ext uri="{FF2B5EF4-FFF2-40B4-BE49-F238E27FC236}">
                <a16:creationId xmlns:a16="http://schemas.microsoft.com/office/drawing/2014/main" id="{A2A29F6C-AC12-0847-9663-4E83623BBB6D}"/>
              </a:ext>
            </a:extLst>
          </p:cNvPr>
          <p:cNvGrpSpPr/>
          <p:nvPr/>
        </p:nvGrpSpPr>
        <p:grpSpPr>
          <a:xfrm>
            <a:off x="5913888" y="2073792"/>
            <a:ext cx="3355342" cy="729665"/>
            <a:chOff x="5913888" y="2073792"/>
            <a:chExt cx="3355342" cy="729665"/>
          </a:xfrm>
        </p:grpSpPr>
        <p:sp>
          <p:nvSpPr>
            <p:cNvPr id="332" name="TextBox 331">
              <a:extLst>
                <a:ext uri="{FF2B5EF4-FFF2-40B4-BE49-F238E27FC236}">
                  <a16:creationId xmlns:a16="http://schemas.microsoft.com/office/drawing/2014/main" id="{C2FBF0F4-BF9E-CE4C-8F81-D5DE7D2D5E7C}"/>
                </a:ext>
              </a:extLst>
            </p:cNvPr>
            <p:cNvSpPr txBox="1"/>
            <p:nvPr/>
          </p:nvSpPr>
          <p:spPr>
            <a:xfrm>
              <a:off x="5913888" y="2073792"/>
              <a:ext cx="3028008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dirty="0"/>
                <a:t>1) We can get double yield!</a:t>
              </a:r>
            </a:p>
          </p:txBody>
        </p:sp>
        <p:sp>
          <p:nvSpPr>
            <p:cNvPr id="334" name="TextBox 333">
              <a:extLst>
                <a:ext uri="{FF2B5EF4-FFF2-40B4-BE49-F238E27FC236}">
                  <a16:creationId xmlns:a16="http://schemas.microsoft.com/office/drawing/2014/main" id="{AB569222-57CD-2644-B7AE-A1708530F824}"/>
                </a:ext>
              </a:extLst>
            </p:cNvPr>
            <p:cNvSpPr txBox="1"/>
            <p:nvPr/>
          </p:nvSpPr>
          <p:spPr>
            <a:xfrm>
              <a:off x="5913888" y="2464903"/>
              <a:ext cx="3355342" cy="338554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GB" dirty="0"/>
                <a:t>2) but in an impoverished sea</a:t>
              </a:r>
            </a:p>
          </p:txBody>
        </p:sp>
      </p:grpSp>
      <p:sp>
        <p:nvSpPr>
          <p:cNvPr id="335" name="TextBox 334">
            <a:extLst>
              <a:ext uri="{FF2B5EF4-FFF2-40B4-BE49-F238E27FC236}">
                <a16:creationId xmlns:a16="http://schemas.microsoft.com/office/drawing/2014/main" id="{229AB17E-845E-6043-9D13-D5CF7195B6C3}"/>
              </a:ext>
            </a:extLst>
          </p:cNvPr>
          <p:cNvSpPr txBox="1"/>
          <p:nvPr/>
        </p:nvSpPr>
        <p:spPr>
          <a:xfrm>
            <a:off x="5913889" y="2810244"/>
            <a:ext cx="323011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/>
              <a:t>3) Conservation and $ not necessarily in conflict</a:t>
            </a:r>
          </a:p>
        </p:txBody>
      </p:sp>
      <p:sp>
        <p:nvSpPr>
          <p:cNvPr id="336" name="TextBox 335">
            <a:extLst>
              <a:ext uri="{FF2B5EF4-FFF2-40B4-BE49-F238E27FC236}">
                <a16:creationId xmlns:a16="http://schemas.microsoft.com/office/drawing/2014/main" id="{E66CD07C-8DE2-9542-9B69-A83AD96C98C3}"/>
              </a:ext>
            </a:extLst>
          </p:cNvPr>
          <p:cNvSpPr txBox="1"/>
          <p:nvPr/>
        </p:nvSpPr>
        <p:spPr>
          <a:xfrm>
            <a:off x="5913889" y="3404059"/>
            <a:ext cx="3230112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dirty="0"/>
              <a:t>4) Reference points are dynamic, in particular for small species</a:t>
            </a:r>
          </a:p>
        </p:txBody>
      </p:sp>
      <p:sp>
        <p:nvSpPr>
          <p:cNvPr id="339" name="TextBox 338">
            <a:extLst>
              <a:ext uri="{FF2B5EF4-FFF2-40B4-BE49-F238E27FC236}">
                <a16:creationId xmlns:a16="http://schemas.microsoft.com/office/drawing/2014/main" id="{7D3D1E78-1AA3-8A4C-BBB3-44F194DE7518}"/>
              </a:ext>
            </a:extLst>
          </p:cNvPr>
          <p:cNvSpPr txBox="1"/>
          <p:nvPr/>
        </p:nvSpPr>
        <p:spPr>
          <a:xfrm>
            <a:off x="5933767" y="6469488"/>
            <a:ext cx="2725426" cy="276999"/>
          </a:xfrm>
          <a:prstGeom prst="rect">
            <a:avLst/>
          </a:prstGeom>
          <a:solidFill>
            <a:schemeClr val="bg1"/>
          </a:solidFill>
        </p:spPr>
        <p:txBody>
          <a:bodyPr wrap="none" rtlCol="0">
            <a:spAutoFit/>
          </a:bodyPr>
          <a:lstStyle/>
          <a:p>
            <a:r>
              <a:rPr lang="en-GB" sz="1200" i="1" dirty="0"/>
              <a:t>Andersen et al, Ecol. App (2015)</a:t>
            </a:r>
          </a:p>
        </p:txBody>
      </p:sp>
      <p:sp>
        <p:nvSpPr>
          <p:cNvPr id="342" name="TextBox 341">
            <a:extLst>
              <a:ext uri="{FF2B5EF4-FFF2-40B4-BE49-F238E27FC236}">
                <a16:creationId xmlns:a16="http://schemas.microsoft.com/office/drawing/2014/main" id="{748B0A73-E23B-954A-8283-098D41C73698}"/>
              </a:ext>
            </a:extLst>
          </p:cNvPr>
          <p:cNvSpPr txBox="1"/>
          <p:nvPr/>
        </p:nvSpPr>
        <p:spPr>
          <a:xfrm>
            <a:off x="4673876" y="4937769"/>
            <a:ext cx="4203395" cy="707886"/>
          </a:xfrm>
          <a:prstGeom prst="rect">
            <a:avLst/>
          </a:prstGeom>
          <a:solidFill>
            <a:schemeClr val="bg1"/>
          </a:solidFill>
          <a:ln>
            <a:solidFill>
              <a:srgbClr val="000000"/>
            </a:solidFill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  <p:txBody>
          <a:bodyPr wrap="none" rtlCol="0">
            <a:spAutoFit/>
          </a:bodyPr>
          <a:lstStyle/>
          <a:p>
            <a:r>
              <a:rPr lang="en-US" dirty="0"/>
              <a:t>http://</a:t>
            </a:r>
            <a:r>
              <a:rPr lang="en-US" dirty="0" err="1"/>
              <a:t>stockassessment.org</a:t>
            </a:r>
            <a:r>
              <a:rPr lang="en-US" dirty="0"/>
              <a:t>/spectrum</a:t>
            </a:r>
          </a:p>
          <a:p>
            <a:r>
              <a:rPr lang="en-US" dirty="0"/>
              <a:t>http://</a:t>
            </a:r>
            <a:r>
              <a:rPr lang="en-US" dirty="0" err="1"/>
              <a:t>oceanlife.dtuaqua.dk</a:t>
            </a:r>
            <a:r>
              <a:rPr lang="en-US" dirty="0"/>
              <a:t>/</a:t>
            </a:r>
            <a:r>
              <a:rPr lang="en-US" dirty="0" err="1"/>
              <a:t>cspectrum</a:t>
            </a:r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034513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1" fill="hold">
                      <p:stCondLst>
                        <p:cond delay="indefinite"/>
                      </p:stCondLst>
                      <p:childTnLst>
                        <p:par>
                          <p:cTn id="52" fill="hold">
                            <p:stCondLst>
                              <p:cond delay="0"/>
                            </p:stCondLst>
                            <p:childTnLst>
                              <p:par>
                                <p:cTn id="5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5" fill="hold">
                      <p:stCondLst>
                        <p:cond delay="indefinite"/>
                      </p:stCondLst>
                      <p:childTnLst>
                        <p:par>
                          <p:cTn id="56" fill="hold">
                            <p:stCondLst>
                              <p:cond delay="0"/>
                            </p:stCondLst>
                            <p:childTnLst>
                              <p:par>
                                <p:cTn id="5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1" fill="hold">
                      <p:stCondLst>
                        <p:cond delay="indefinite"/>
                      </p:stCondLst>
                      <p:childTnLst>
                        <p:par>
                          <p:cTn id="62" fill="hold">
                            <p:stCondLst>
                              <p:cond delay="0"/>
                            </p:stCondLst>
                            <p:childTnLst>
                              <p:par>
                                <p:cTn id="6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5" fill="hold">
                      <p:stCondLst>
                        <p:cond delay="indefinite"/>
                      </p:stCondLst>
                      <p:childTnLst>
                        <p:par>
                          <p:cTn id="66" fill="hold">
                            <p:stCondLst>
                              <p:cond delay="0"/>
                            </p:stCondLst>
                            <p:childTnLst>
                              <p:par>
                                <p:cTn id="6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9" fill="hold">
                      <p:stCondLst>
                        <p:cond delay="indefinite"/>
                      </p:stCondLst>
                      <p:childTnLst>
                        <p:par>
                          <p:cTn id="70" fill="hold">
                            <p:stCondLst>
                              <p:cond delay="0"/>
                            </p:stCondLst>
                            <p:childTnLst>
                              <p:par>
                                <p:cTn id="7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3" fill="hold">
                      <p:stCondLst>
                        <p:cond delay="indefinite"/>
                      </p:stCondLst>
                      <p:childTnLst>
                        <p:par>
                          <p:cTn id="74" fill="hold">
                            <p:stCondLst>
                              <p:cond delay="0"/>
                            </p:stCondLst>
                            <p:childTnLst>
                              <p:par>
                                <p:cTn id="7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7" fill="hold">
                      <p:stCondLst>
                        <p:cond delay="indefinite"/>
                      </p:stCondLst>
                      <p:childTnLst>
                        <p:par>
                          <p:cTn id="78" fill="hold">
                            <p:stCondLst>
                              <p:cond delay="0"/>
                            </p:stCondLst>
                            <p:childTnLst>
                              <p:par>
                                <p:cTn id="79" presetID="1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1" fill="hold">
                      <p:stCondLst>
                        <p:cond delay="indefinite"/>
                      </p:stCondLst>
                      <p:childTnLst>
                        <p:par>
                          <p:cTn id="82" fill="hold">
                            <p:stCondLst>
                              <p:cond delay="0"/>
                            </p:stCondLst>
                            <p:childTnLst>
                              <p:par>
                                <p:cTn id="8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38" grpId="0" animBg="1"/>
      <p:bldP spid="338" grpId="1" animBg="1"/>
      <p:bldP spid="327" grpId="0" animBg="1"/>
      <p:bldP spid="326" grpId="0" animBg="1"/>
      <p:bldP spid="258" grpId="0"/>
      <p:bldP spid="288" grpId="0" animBg="1"/>
      <p:bldP spid="290" grpId="0" animBg="1"/>
      <p:bldP spid="298" grpId="0"/>
      <p:bldP spid="319" grpId="0" animBg="1"/>
      <p:bldP spid="320" grpId="0" animBg="1"/>
      <p:bldP spid="321" grpId="0" animBg="1"/>
      <p:bldP spid="322" grpId="0" animBg="1"/>
      <p:bldP spid="323" grpId="0" animBg="1"/>
      <p:bldP spid="324" grpId="0" animBg="1"/>
      <p:bldP spid="325" grpId="0" animBg="1"/>
      <p:bldP spid="331" grpId="0" animBg="1"/>
      <p:bldP spid="335" grpId="0"/>
      <p:bldP spid="336" grpId="0"/>
      <p:bldP spid="342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3311158237841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18.6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31.2|5.2|2.7|12.6|0.3|0.5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31.2|5.2|2.7|12.6|0.3|0.5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433111582378411"/>
</p:tagLst>
</file>

<file path=ppt/theme/theme1.xml><?xml version="1.0" encoding="utf-8"?>
<a:theme xmlns:a="http://schemas.openxmlformats.org/drawingml/2006/main" name="Institute">
  <a:themeElements>
    <a:clrScheme name="DTU">
      <a:dk1>
        <a:srgbClr val="000000"/>
      </a:dk1>
      <a:lt1>
        <a:srgbClr val="FFFFFF"/>
      </a:lt1>
      <a:dk2>
        <a:srgbClr val="990000"/>
      </a:dk2>
      <a:lt2>
        <a:srgbClr val="999999"/>
      </a:lt2>
      <a:accent1>
        <a:srgbClr val="FF9900"/>
      </a:accent1>
      <a:accent2>
        <a:srgbClr val="99CC33"/>
      </a:accent2>
      <a:accent3>
        <a:srgbClr val="990066"/>
      </a:accent3>
      <a:accent4>
        <a:srgbClr val="3366CC"/>
      </a:accent4>
      <a:accent5>
        <a:srgbClr val="990000"/>
      </a:accent5>
      <a:accent6>
        <a:srgbClr val="999999"/>
      </a:accent6>
      <a:hlink>
        <a:srgbClr val="3366CC"/>
      </a:hlink>
      <a:folHlink>
        <a:srgbClr val="999999"/>
      </a:folHlink>
    </a:clrScheme>
    <a:fontScheme name="DTU Corporate UK">
      <a:majorFont>
        <a:latin typeface="Verdana"/>
        <a:ea typeface="ＭＳ Ｐゴシック"/>
        <a:cs typeface=""/>
      </a:majorFont>
      <a:minorFont>
        <a:latin typeface="Verdana"/>
        <a:ea typeface="ＭＳ Ｐゴシック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1"/>
        </a:solidFill>
        <a:ln w="9525" cap="flat" cmpd="sng" algn="ctr">
          <a:solidFill>
            <a:schemeClr val="tx1"/>
          </a:solidFill>
          <a:prstDash val="solid"/>
          <a:round/>
          <a:headEnd type="none" w="med" len="med"/>
          <a:tailEnd type="none" w="med" len="med"/>
        </a:ln>
        <a:effectLst/>
        <a:extLst>
          <a:ext uri="{AF507438-7753-43E0-B8FC-AC1667EBCBE1}">
            <a14:hiddenEffects xmlns:a14="http://schemas.microsoft.com/office/drawing/2010/main">
              <a:effectLst>
                <a:outerShdw dist="35921" dir="2700000" algn="ctr" rotWithShape="0">
                  <a:schemeClr val="bg2"/>
                </a:outerShdw>
              </a:effectLst>
            </a14:hiddenEffects>
          </a:ext>
        </a:extLst>
      </a:spPr>
      <a:bodyPr vert="horz" wrap="square" lIns="0" tIns="0" rIns="0" bIns="0" numCol="1" anchor="t" anchorCtr="0" compatLnSpc="1">
        <a:prstTxWarp prst="textNoShape">
          <a:avLst/>
        </a:prstTxWarp>
      </a:bodyPr>
      <a:lstStyle>
        <a:defPPr marL="0" marR="0" indent="0" algn="l" defTabSz="914400" rtl="0" eaLnBrk="1" fontAlgn="base" latinLnBrk="0" hangingPunct="1">
          <a:lnSpc>
            <a:spcPct val="100000"/>
          </a:lnSpc>
          <a:spcBef>
            <a:spcPct val="50000"/>
          </a:spcBef>
          <a:spcAft>
            <a:spcPct val="0"/>
          </a:spcAft>
          <a:buClrTx/>
          <a:buSzTx/>
          <a:buFontTx/>
          <a:buNone/>
          <a:tabLst/>
          <a:defRPr kumimoji="0" lang="da-DK" sz="1600" b="0" i="0" u="none" strike="noStrike" cap="none" normalizeH="0" baseline="0" smtClean="0">
            <a:ln>
              <a:noFill/>
            </a:ln>
            <a:solidFill>
              <a:schemeClr val="tx1"/>
            </a:solidFill>
            <a:effectLst/>
            <a:latin typeface="Verdana" pitchFamily="34" charset="0"/>
            <a:ea typeface="ＭＳ Ｐゴシック" pitchFamily="-80" charset="-128"/>
          </a:defRPr>
        </a:defPPr>
      </a:lstStyle>
    </a:lnDef>
  </a:objectDefaults>
  <a:extraClrSchemeLst/>
  <a:extLst>
    <a:ext uri="{05A4C25C-085E-4340-85A3-A5531E510DB2}">
      <thm15:themeFamily xmlns:thm15="http://schemas.microsoft.com/office/thememl/2012/main" name="1 DTU Template.potx" id="{817EEFDA-7BE2-43D8-A5B3-D046914B771F}" vid="{E549E448-DEFC-412F-9275-547A62A09EB7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1 DTU Template</Template>
  <TotalTime>603</TotalTime>
  <Words>284</Words>
  <Application>Microsoft Macintosh PowerPoint</Application>
  <PresentationFormat>On-screen Show (4:3)</PresentationFormat>
  <Paragraphs>123</Paragraphs>
  <Slides>8</Slides>
  <Notes>4</Notes>
  <HiddenSlides>0</HiddenSlides>
  <MMClips>1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4" baseType="lpstr">
      <vt:lpstr>ＭＳ Ｐゴシック</vt:lpstr>
      <vt:lpstr>Arial</vt:lpstr>
      <vt:lpstr>Calibri</vt:lpstr>
      <vt:lpstr>Helvetica</vt:lpstr>
      <vt:lpstr>Verdana</vt:lpstr>
      <vt:lpstr>Institute</vt:lpstr>
      <vt:lpstr>Ecosystem management trade-offs and dynamic reference points</vt:lpstr>
      <vt:lpstr>Modelling single stock demography</vt:lpstr>
      <vt:lpstr>Single stock simulator</vt:lpstr>
      <vt:lpstr>Reference points</vt:lpstr>
      <vt:lpstr>PowerPoint Presentation</vt:lpstr>
      <vt:lpstr>PowerPoint Presentation</vt:lpstr>
      <vt:lpstr>Web-based simulation: http://oceanlife.dtuaqua.dk/cspectrum</vt:lpstr>
      <vt:lpstr>PowerPoint Presentation</vt:lpstr>
    </vt:vector>
  </TitlesOfParts>
  <Company>DTU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Tanja Weikop</dc:creator>
  <cp:lastModifiedBy>Ken Haste Andersen</cp:lastModifiedBy>
  <cp:revision>42</cp:revision>
  <dcterms:created xsi:type="dcterms:W3CDTF">2017-08-01T08:06:08Z</dcterms:created>
  <dcterms:modified xsi:type="dcterms:W3CDTF">2018-10-10T17:10:4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dtu</vt:lpwstr>
  </property>
  <property fmtid="{D5CDD505-2E9C-101B-9397-08002B2CF9AE}" pid="3" name="TemplateId">
    <vt:lpwstr>636402053990694453</vt:lpwstr>
  </property>
  <property fmtid="{D5CDD505-2E9C-101B-9397-08002B2CF9AE}" pid="4" name="UserProfileId">
    <vt:lpwstr>636698404983225435</vt:lpwstr>
  </property>
</Properties>
</file>